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"/>
  </p:sldMasterIdLst>
  <p:notesMasterIdLst>
    <p:notesMasterId r:id="rId14"/>
  </p:notesMasterIdLst>
  <p:handoutMasterIdLst>
    <p:handoutMasterId r:id="rId15"/>
  </p:handoutMasterIdLst>
  <p:sldIdLst>
    <p:sldId id="256" r:id="rId9"/>
    <p:sldId id="313" r:id="rId10"/>
    <p:sldId id="316" r:id="rId11"/>
    <p:sldId id="320" r:id="rId12"/>
    <p:sldId id="315" r:id="rId13"/>
  </p:sldIdLst>
  <p:sldSz cx="12192000" cy="6858000"/>
  <p:notesSz cx="6797675" cy="9926638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0C653C0-E647-4257-B928-1ACDDFB65DFD}" v="1" dt="2025-10-18T10:35:23.611"/>
    <p1510:client id="{CC54AA7D-4745-4D49-9D94-1B4B17BC11B9}" v="7" dt="2025-10-17T11:20:11.857"/>
  </p1510:revLst>
</p1510:revInfo>
</file>

<file path=ppt/tableStyles.xml><?xml version="1.0" encoding="utf-8"?>
<a:tblStyleLst xmlns:a="http://schemas.openxmlformats.org/drawingml/2006/main" def="{69012ECD-51FC-41F1-AA8D-1B2483CD663E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79" autoAdjust="0"/>
    <p:restoredTop sz="96688" autoAdjust="0"/>
  </p:normalViewPr>
  <p:slideViewPr>
    <p:cSldViewPr snapToGrid="0" showGuides="1">
      <p:cViewPr varScale="1">
        <p:scale>
          <a:sx n="104" d="100"/>
          <a:sy n="104" d="100"/>
        </p:scale>
        <p:origin x="208" y="288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78" d="100"/>
          <a:sy n="78" d="100"/>
        </p:scale>
        <p:origin x="5886" y="119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20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5" Type="http://schemas.openxmlformats.org/officeDocument/2006/relationships/customXml" Target="../customXml/item5.xml"/><Relationship Id="rId15" Type="http://schemas.openxmlformats.org/officeDocument/2006/relationships/handoutMaster" Target="handoutMasters/handoutMaster1.xml"/><Relationship Id="rId10" Type="http://schemas.openxmlformats.org/officeDocument/2006/relationships/slide" Target="slides/slide2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2621FE97-895F-4E63-9D57-65784F01F0AE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53024" y="9409183"/>
            <a:ext cx="1578586" cy="16577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28B1A35B-76D3-4958-A158-B19B6248F37B}" type="datetime4">
              <a:rPr lang="en-GB" smtClean="0">
                <a:solidFill>
                  <a:srgbClr val="000000"/>
                </a:solidFill>
              </a:rPr>
              <a:t>18 October 2025</a:t>
            </a:fld>
            <a:endParaRPr lang="en-GB" sz="800" dirty="0">
              <a:solidFill>
                <a:srgbClr val="000000"/>
              </a:solidFill>
            </a:endParaRPr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70543015-AA2E-4979-88F6-A99E404393FF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53024" y="9211806"/>
            <a:ext cx="1578586" cy="16577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>
                <a:solidFill>
                  <a:srgbClr val="000000"/>
                </a:solidFill>
              </a:rPr>
              <a:pPr/>
              <a:t>‹Nr.›</a:t>
            </a:fld>
            <a:endParaRPr lang="en-GB" sz="800" dirty="0">
              <a:solidFill>
                <a:srgbClr val="000000"/>
              </a:solidFill>
            </a:endParaRPr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4F54429F-0DEA-4F85-B63A-C0457E83F0A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76804" y="9409183"/>
            <a:ext cx="4270639" cy="16577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>
              <a:solidFill>
                <a:srgbClr val="000000"/>
              </a:solidFill>
            </a:endParaRPr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C7C1DA1B-52DE-430C-BC99-A516A016BB1C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76804" y="9211806"/>
            <a:ext cx="4270639" cy="16577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3127" userDrawn="1">
          <p15:clr>
            <a:srgbClr val="F26B43"/>
          </p15:clr>
        </p15:guide>
        <p15:guide id="2" pos="2141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93EFD678-A913-484A-BAD5-CF1E591E75D2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53024" y="9409183"/>
            <a:ext cx="1578586" cy="16577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E0F9EFD9-DC3B-4787-AA99-87820E909C0A}" type="datetime4">
              <a:rPr lang="en-GB" smtClean="0">
                <a:solidFill>
                  <a:srgbClr val="000000"/>
                </a:solidFill>
              </a:rPr>
              <a:t>18 October 2025</a:t>
            </a:fld>
            <a:endParaRPr lang="en-GB" sz="800" dirty="0">
              <a:solidFill>
                <a:srgbClr val="000000"/>
              </a:solidFill>
            </a:endParaRP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9E2D4665-7883-4003-A288-6244C97F41A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53024" y="9211806"/>
            <a:ext cx="1578586" cy="16577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>
                <a:solidFill>
                  <a:srgbClr val="000000"/>
                </a:solidFill>
              </a:rPr>
              <a:pPr/>
              <a:t>‹Nr.›</a:t>
            </a:fld>
            <a:endParaRPr lang="en-GB" sz="800" dirty="0">
              <a:solidFill>
                <a:srgbClr val="000000"/>
              </a:solidFill>
            </a:endParaRPr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6E77C96-7F64-40EC-9C54-BC068C3CB815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476804" y="9409183"/>
            <a:ext cx="4270639" cy="16577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>
              <a:solidFill>
                <a:srgbClr val="000000"/>
              </a:solidFill>
            </a:endParaRPr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D4EB2C9F-1B8C-4735-B6FB-F0FE4A9898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76804" y="9211806"/>
            <a:ext cx="4270639" cy="16577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3127" userDrawn="1">
          <p15:clr>
            <a:srgbClr val="F26B43"/>
          </p15:clr>
        </p15:guide>
        <p15:guide id="2" pos="2141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4.svg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5" Type="http://schemas.openxmlformats.org/officeDocument/2006/relationships/image" Target="../media/image11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Logo">
            <a:extLst>
              <a:ext uri="{FF2B5EF4-FFF2-40B4-BE49-F238E27FC236}">
                <a16:creationId xmlns:a16="http://schemas.microsoft.com/office/drawing/2014/main" id="{9D8D5127-1EE9-4765-998C-48F732354BF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62004" y="5333890"/>
            <a:ext cx="4169190" cy="762110"/>
          </a:xfrm>
          <a:prstGeom prst="rect">
            <a:avLst/>
          </a:prstGeom>
        </p:spPr>
      </p:pic>
      <p:sp>
        <p:nvSpPr>
          <p:cNvPr id="20" name="Picture Placeholder 5">
            <a:extLst>
              <a:ext uri="{FF2B5EF4-FFF2-40B4-BE49-F238E27FC236}">
                <a16:creationId xmlns:a16="http://schemas.microsoft.com/office/drawing/2014/main" id="{8E3340FD-F5D0-4C67-974A-98C2C226969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12193200" cy="4572000"/>
          </a:xfrm>
          <a:solidFill>
            <a:schemeClr val="bg2"/>
          </a:solidFill>
        </p:spPr>
        <p:txBody>
          <a:bodyPr t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Click on frame and insert picture from the Templafy pane</a:t>
            </a:r>
          </a:p>
        </p:txBody>
      </p:sp>
      <p:sp>
        <p:nvSpPr>
          <p:cNvPr id="3" name="Transperancy 2"/>
          <p:cNvSpPr>
            <a:spLocks noGrp="1"/>
          </p:cNvSpPr>
          <p:nvPr>
            <p:ph type="subTitle" idx="1" hasCustomPrompt="1"/>
          </p:nvPr>
        </p:nvSpPr>
        <p:spPr>
          <a:xfrm>
            <a:off x="7621200" y="4381200"/>
            <a:ext cx="1904400" cy="381600"/>
          </a:xfrm>
          <a:solidFill>
            <a:schemeClr val="accent1"/>
          </a:solidFill>
        </p:spPr>
        <p:txBody>
          <a:bodyPr lIns="1800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>
                <a:noFill/>
              </a:defRPr>
            </a:lvl1pPr>
            <a:lvl2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2pPr>
            <a:lvl3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4pPr>
            <a:lvl5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5pPr>
            <a:lvl6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7pPr>
            <a:lvl8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8pPr>
            <a:lvl9pPr marL="0" indent="0" algn="l">
              <a:buFont typeface="Arial" panose="020B0604020202020204" pitchFamily="34" charset="0"/>
              <a:buChar char="​"/>
              <a:defRPr sz="1600"/>
            </a:lvl9pPr>
          </a:lstStyle>
          <a:p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71000" y="767307"/>
            <a:ext cx="6849000" cy="1342799"/>
          </a:xfrm>
        </p:spPr>
        <p:txBody>
          <a:bodyPr anchor="b"/>
          <a:lstStyle>
            <a:lvl1pPr algn="l">
              <a:lnSpc>
                <a:spcPct val="85000"/>
              </a:lnSpc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E95BFA8-2E20-48BF-1DBF-F3A2E9453FD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71000" y="2163046"/>
            <a:ext cx="6849000" cy="512354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2pPr>
            <a:lvl3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3pPr>
            <a:lvl4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4pPr>
            <a:lvl5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5pPr>
            <a:lvl6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6pPr>
            <a:lvl7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7pPr>
            <a:lvl8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8pPr>
            <a:lvl9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title in one line</a:t>
            </a:r>
          </a:p>
        </p:txBody>
      </p:sp>
      <p:sp>
        <p:nvSpPr>
          <p:cNvPr id="16" name="Date Placeholder 6">
            <a:extLst>
              <a:ext uri="{FF2B5EF4-FFF2-40B4-BE49-F238E27FC236}">
                <a16:creationId xmlns:a16="http://schemas.microsoft.com/office/drawing/2014/main" id="{62A93878-C721-4825-BEB8-0871BA6D117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715000" y="5710826"/>
            <a:ext cx="5709900" cy="372601"/>
          </a:xfrm>
        </p:spPr>
        <p:txBody>
          <a:bodyPr anchor="b" anchorCtr="0"/>
          <a:lstStyle>
            <a:lvl1pPr algn="r">
              <a:lnSpc>
                <a:spcPct val="90000"/>
              </a:lnSpc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BB004F74-29AB-48A3-86D9-6C4F92244396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5715000" y="6094200"/>
            <a:ext cx="5715000" cy="3822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17" name="Slide Number Placeholder 10" hidden="1">
            <a:extLst>
              <a:ext uri="{FF2B5EF4-FFF2-40B4-BE49-F238E27FC236}">
                <a16:creationId xmlns:a16="http://schemas.microsoft.com/office/drawing/2014/main" id="{6A02CA19-6F8F-4C44-BFC9-1CB61A10B17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092609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C  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Background">
            <a:extLst>
              <a:ext uri="{FF2B5EF4-FFF2-40B4-BE49-F238E27FC236}">
                <a16:creationId xmlns:a16="http://schemas.microsoft.com/office/drawing/2014/main" id="{E3599075-2776-4465-B2B0-160B219C71F1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45A6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81600" y="2903988"/>
            <a:ext cx="11429400" cy="664797"/>
          </a:xfrm>
        </p:spPr>
        <p:txBody>
          <a:bodyPr anchor="ctr" anchorCtr="0">
            <a:spAutoFit/>
          </a:bodyPr>
          <a:lstStyle>
            <a:lvl1pPr algn="ctr">
              <a:lnSpc>
                <a:spcPct val="90000"/>
              </a:lnSpc>
              <a:defRPr sz="4800">
                <a:solidFill>
                  <a:srgbClr val="EBEA79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A0A133EA-1315-493E-9DE6-E0C00717A61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33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0019C2F-0F80-4DED-ADBF-5C239FD4D512}"/>
              </a:ext>
            </a:extLst>
          </p:cNvPr>
          <p:cNvSpPr>
            <a:spLocks noGrp="1"/>
          </p:cNvSpPr>
          <p:nvPr>
            <p:ph type="ftr" sz="quarter" idx="34"/>
          </p:nvPr>
        </p:nvSpPr>
        <p:spPr>
          <a:xfrm>
            <a:off x="3429000" y="6096000"/>
            <a:ext cx="8001000" cy="3804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523F5B7-958F-40A2-A429-267AFFBCBE55}"/>
              </a:ext>
            </a:extLst>
          </p:cNvPr>
          <p:cNvSpPr>
            <a:spLocks noGrp="1"/>
          </p:cNvSpPr>
          <p:nvPr>
            <p:ph type="sldNum" sz="quarter" idx="35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B71125B-BCA5-42F7-BB8D-32C8D15EFA7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81609" y="6096189"/>
            <a:ext cx="2083261" cy="38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321352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4_Breaker C  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FBC2D3DC-2C70-1771-E451-F7A200DBE3B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11721" t="-41981" r="-11247" b="-21883"/>
            </a:stretch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7" name="Background">
            <a:extLst>
              <a:ext uri="{FF2B5EF4-FFF2-40B4-BE49-F238E27FC236}">
                <a16:creationId xmlns:a16="http://schemas.microsoft.com/office/drawing/2014/main" id="{AE6CEE18-5B28-34C7-058B-CCCC7F16573A}"/>
              </a:ext>
            </a:extLst>
          </p:cNvPr>
          <p:cNvSpPr/>
          <p:nvPr userDrawn="1"/>
        </p:nvSpPr>
        <p:spPr>
          <a:xfrm>
            <a:off x="0" y="0"/>
            <a:ext cx="12192599" cy="6861600"/>
          </a:xfrm>
          <a:prstGeom prst="rect">
            <a:avLst/>
          </a:prstGeom>
          <a:gradFill>
            <a:gsLst>
              <a:gs pos="56000">
                <a:srgbClr val="45A6DE">
                  <a:alpha val="50000"/>
                </a:srgbClr>
              </a:gs>
              <a:gs pos="19000">
                <a:srgbClr val="45A6DE">
                  <a:alpha val="80000"/>
                </a:srgbClr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4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81600" y="2903988"/>
            <a:ext cx="11429400" cy="664797"/>
          </a:xfrm>
        </p:spPr>
        <p:txBody>
          <a:bodyPr anchor="ctr" anchorCtr="0">
            <a:spAutoFit/>
          </a:bodyPr>
          <a:lstStyle>
            <a:lvl1pPr algn="ctr">
              <a:lnSpc>
                <a:spcPct val="90000"/>
              </a:lnSpc>
              <a:defRPr sz="4800">
                <a:solidFill>
                  <a:srgbClr val="EBEA79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A0A133EA-1315-493E-9DE6-E0C00717A61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33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0019C2F-0F80-4DED-ADBF-5C239FD4D512}"/>
              </a:ext>
            </a:extLst>
          </p:cNvPr>
          <p:cNvSpPr>
            <a:spLocks noGrp="1"/>
          </p:cNvSpPr>
          <p:nvPr>
            <p:ph type="ftr" sz="quarter" idx="34"/>
          </p:nvPr>
        </p:nvSpPr>
        <p:spPr>
          <a:xfrm>
            <a:off x="3429000" y="6096000"/>
            <a:ext cx="8001000" cy="3804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523F5B7-958F-40A2-A429-267AFFBCBE55}"/>
              </a:ext>
            </a:extLst>
          </p:cNvPr>
          <p:cNvSpPr>
            <a:spLocks noGrp="1"/>
          </p:cNvSpPr>
          <p:nvPr>
            <p:ph type="sldNum" sz="quarter" idx="35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B71125B-BCA5-42F7-BB8D-32C8D15EFA7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381609" y="6096189"/>
            <a:ext cx="2083261" cy="38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654645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D 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Background">
            <a:extLst>
              <a:ext uri="{FF2B5EF4-FFF2-40B4-BE49-F238E27FC236}">
                <a16:creationId xmlns:a16="http://schemas.microsoft.com/office/drawing/2014/main" id="{E3599075-2776-4465-B2B0-160B219C71F1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F776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81600" y="2903988"/>
            <a:ext cx="11429400" cy="664797"/>
          </a:xfrm>
        </p:spPr>
        <p:txBody>
          <a:bodyPr anchor="ctr" anchorCtr="0">
            <a:spAutoFit/>
          </a:bodyPr>
          <a:lstStyle>
            <a:lvl1pPr algn="ctr">
              <a:lnSpc>
                <a:spcPct val="90000"/>
              </a:lnSpc>
              <a:defRPr sz="4800">
                <a:solidFill>
                  <a:schemeClr val="accent4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A0A133EA-1315-493E-9DE6-E0C00717A61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33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0019C2F-0F80-4DED-ADBF-5C239FD4D512}"/>
              </a:ext>
            </a:extLst>
          </p:cNvPr>
          <p:cNvSpPr>
            <a:spLocks noGrp="1"/>
          </p:cNvSpPr>
          <p:nvPr>
            <p:ph type="ftr" sz="quarter" idx="34"/>
          </p:nvPr>
        </p:nvSpPr>
        <p:spPr>
          <a:xfrm>
            <a:off x="3429000" y="6096000"/>
            <a:ext cx="8001000" cy="3804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523F5B7-958F-40A2-A429-267AFFBCBE55}"/>
              </a:ext>
            </a:extLst>
          </p:cNvPr>
          <p:cNvSpPr>
            <a:spLocks noGrp="1"/>
          </p:cNvSpPr>
          <p:nvPr>
            <p:ph type="sldNum" sz="quarter" idx="35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B71125B-BCA5-42F7-BB8D-32C8D15EFA7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81609" y="6096189"/>
            <a:ext cx="2083261" cy="38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8305326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E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C1C30C4-4A93-4478-A6E8-49EB1542F4B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4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568C038-B920-4BAB-B704-1557DC1FDE1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xfrm>
            <a:off x="3429000" y="6096000"/>
            <a:ext cx="8001000" cy="3804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8135DC-1C41-4FBC-B096-11287B559E08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6FFF4778-B559-9CF0-69CC-295518CB57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81602" y="6096189"/>
            <a:ext cx="2083266" cy="380810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2095200" y="-1"/>
            <a:ext cx="9525000" cy="5716800"/>
          </a:xfrm>
          <a:solidFill>
            <a:srgbClr val="A5A6A8"/>
          </a:solidFill>
        </p:spPr>
        <p:txBody>
          <a:bodyPr lIns="0" tIns="72000" anchor="t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on frame and insert dark background picture from the Templafy pan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81599" y="1713600"/>
            <a:ext cx="3427200" cy="3427200"/>
          </a:xfrm>
          <a:solidFill>
            <a:schemeClr val="accent4"/>
          </a:solidFill>
        </p:spPr>
        <p:txBody>
          <a:bodyPr wrap="square" lIns="180000" tIns="180000" rIns="360000" bIns="288000" anchor="b" anchorCtr="0">
            <a:noAutofit/>
          </a:bodyPr>
          <a:lstStyle>
            <a:lvl1pPr algn="r">
              <a:lnSpc>
                <a:spcPct val="85000"/>
              </a:lnSpc>
              <a:defRPr sz="3600">
                <a:solidFill>
                  <a:srgbClr val="FF7768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9" name="Transperancy 2">
            <a:extLst>
              <a:ext uri="{FF2B5EF4-FFF2-40B4-BE49-F238E27FC236}">
                <a16:creationId xmlns:a16="http://schemas.microsoft.com/office/drawing/2014/main" id="{84ECCC0F-A3D7-2A08-B755-FF77ECEC290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1430000" y="763200"/>
            <a:ext cx="381600" cy="1141200"/>
          </a:xfrm>
          <a:solidFill>
            <a:schemeClr val="accent4"/>
          </a:solidFill>
        </p:spPr>
        <p:txBody>
          <a:bodyPr lIns="1800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>
                <a:noFill/>
              </a:defRPr>
            </a:lvl1pPr>
            <a:lvl2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2pPr>
            <a:lvl3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4pPr>
            <a:lvl5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5pPr>
            <a:lvl6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7pPr>
            <a:lvl8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8pPr>
            <a:lvl9pPr marL="0" indent="0" algn="l">
              <a:buFont typeface="Arial" panose="020B0604020202020204" pitchFamily="34" charset="0"/>
              <a:buChar char="​"/>
              <a:defRPr sz="1600"/>
            </a:lvl9pPr>
          </a:lstStyle>
          <a:p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89469984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F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C1C30C4-4A93-4478-A6E8-49EB1542F4B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4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568C038-B920-4BAB-B704-1557DC1FDE1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xfrm>
            <a:off x="3429000" y="6096000"/>
            <a:ext cx="8001000" cy="3804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8135DC-1C41-4FBC-B096-11287B559E08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6FFF4778-B559-9CF0-69CC-295518CB57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81602" y="6096189"/>
            <a:ext cx="2083266" cy="380810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2095200" y="-1"/>
            <a:ext cx="9525000" cy="5716800"/>
          </a:xfrm>
          <a:solidFill>
            <a:srgbClr val="A5A6A8"/>
          </a:solidFill>
        </p:spPr>
        <p:txBody>
          <a:bodyPr lIns="0" tIns="72000" anchor="t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on frame and insert dark background picture from the Templafy pan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81599" y="1713600"/>
            <a:ext cx="3427200" cy="3427200"/>
          </a:xfrm>
          <a:solidFill>
            <a:schemeClr val="accent2"/>
          </a:solidFill>
        </p:spPr>
        <p:txBody>
          <a:bodyPr wrap="square" lIns="180000" tIns="180000" rIns="360000" bIns="288000" anchor="b" anchorCtr="0">
            <a:noAutofit/>
          </a:bodyPr>
          <a:lstStyle>
            <a:lvl1pPr algn="r">
              <a:lnSpc>
                <a:spcPct val="85000"/>
              </a:lnSpc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9" name="Transperancy 2">
            <a:extLst>
              <a:ext uri="{FF2B5EF4-FFF2-40B4-BE49-F238E27FC236}">
                <a16:creationId xmlns:a16="http://schemas.microsoft.com/office/drawing/2014/main" id="{84ECCC0F-A3D7-2A08-B755-FF77ECEC290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1430000" y="763200"/>
            <a:ext cx="381600" cy="1141200"/>
          </a:xfrm>
          <a:solidFill>
            <a:schemeClr val="accent2"/>
          </a:solidFill>
        </p:spPr>
        <p:txBody>
          <a:bodyPr lIns="1800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>
                <a:noFill/>
              </a:defRPr>
            </a:lvl1pPr>
            <a:lvl2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2pPr>
            <a:lvl3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4pPr>
            <a:lvl5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5pPr>
            <a:lvl6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7pPr>
            <a:lvl8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8pPr>
            <a:lvl9pPr marL="0" indent="0" algn="l">
              <a:buFont typeface="Arial" panose="020B0604020202020204" pitchFamily="34" charset="0"/>
              <a:buChar char="​"/>
              <a:defRPr sz="1600"/>
            </a:lvl9pPr>
          </a:lstStyle>
          <a:p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4833422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G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C1C30C4-4A93-4478-A6E8-49EB1542F4B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4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568C038-B920-4BAB-B704-1557DC1FDE1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xfrm>
            <a:off x="3429000" y="6096000"/>
            <a:ext cx="8001000" cy="3804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8135DC-1C41-4FBC-B096-11287B559E08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6FFF4778-B559-9CF0-69CC-295518CB57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81602" y="6096189"/>
            <a:ext cx="2083266" cy="380810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2095200" y="-1"/>
            <a:ext cx="9525000" cy="5716800"/>
          </a:xfrm>
          <a:solidFill>
            <a:srgbClr val="A5A6A8"/>
          </a:solidFill>
        </p:spPr>
        <p:txBody>
          <a:bodyPr lIns="0" tIns="72000" anchor="t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on frame and insert dark background picture from the Templafy pan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81599" y="1713600"/>
            <a:ext cx="3427200" cy="3427200"/>
          </a:xfrm>
          <a:solidFill>
            <a:srgbClr val="45A6DE"/>
          </a:solidFill>
        </p:spPr>
        <p:txBody>
          <a:bodyPr wrap="square" lIns="180000" tIns="180000" rIns="360000" bIns="288000" anchor="b" anchorCtr="0">
            <a:noAutofit/>
          </a:bodyPr>
          <a:lstStyle>
            <a:lvl1pPr algn="r">
              <a:lnSpc>
                <a:spcPct val="85000"/>
              </a:lnSpc>
              <a:defRPr sz="3600">
                <a:solidFill>
                  <a:srgbClr val="EBEA79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9" name="Transperancy 2">
            <a:extLst>
              <a:ext uri="{FF2B5EF4-FFF2-40B4-BE49-F238E27FC236}">
                <a16:creationId xmlns:a16="http://schemas.microsoft.com/office/drawing/2014/main" id="{84ECCC0F-A3D7-2A08-B755-FF77ECEC290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1430000" y="763200"/>
            <a:ext cx="381600" cy="1141200"/>
          </a:xfrm>
          <a:solidFill>
            <a:srgbClr val="45A6DE"/>
          </a:solidFill>
        </p:spPr>
        <p:txBody>
          <a:bodyPr lIns="1800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>
                <a:noFill/>
              </a:defRPr>
            </a:lvl1pPr>
            <a:lvl2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2pPr>
            <a:lvl3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4pPr>
            <a:lvl5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5pPr>
            <a:lvl6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7pPr>
            <a:lvl8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8pPr>
            <a:lvl9pPr marL="0" indent="0" algn="l">
              <a:buFont typeface="Arial" panose="020B0604020202020204" pitchFamily="34" charset="0"/>
              <a:buChar char="​"/>
              <a:defRPr sz="1600"/>
            </a:lvl9pPr>
          </a:lstStyle>
          <a:p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35586044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H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C1C30C4-4A93-4478-A6E8-49EB1542F4B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4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568C038-B920-4BAB-B704-1557DC1FDE1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xfrm>
            <a:off x="3429000" y="6096000"/>
            <a:ext cx="8001000" cy="3804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8135DC-1C41-4FBC-B096-11287B559E08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6FFF4778-B559-9CF0-69CC-295518CB57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81602" y="6096189"/>
            <a:ext cx="2083266" cy="380810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2095200" y="-1"/>
            <a:ext cx="9525000" cy="5716800"/>
          </a:xfrm>
          <a:solidFill>
            <a:srgbClr val="A5A6A8"/>
          </a:solidFill>
        </p:spPr>
        <p:txBody>
          <a:bodyPr lIns="0" tIns="72000" anchor="t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on frame and insert dark background picture from the Templafy pan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81599" y="1713600"/>
            <a:ext cx="3427200" cy="3427200"/>
          </a:xfrm>
          <a:solidFill>
            <a:srgbClr val="FF7768"/>
          </a:solidFill>
        </p:spPr>
        <p:txBody>
          <a:bodyPr wrap="square" lIns="180000" tIns="180000" rIns="360000" bIns="288000" anchor="b" anchorCtr="0">
            <a:noAutofit/>
          </a:bodyPr>
          <a:lstStyle>
            <a:lvl1pPr algn="r">
              <a:lnSpc>
                <a:spcPct val="85000"/>
              </a:lnSpc>
              <a:defRPr sz="3600">
                <a:solidFill>
                  <a:schemeClr val="accent4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9" name="Transperancy 2">
            <a:extLst>
              <a:ext uri="{FF2B5EF4-FFF2-40B4-BE49-F238E27FC236}">
                <a16:creationId xmlns:a16="http://schemas.microsoft.com/office/drawing/2014/main" id="{84ECCC0F-A3D7-2A08-B755-FF77ECEC290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1430000" y="763200"/>
            <a:ext cx="381600" cy="1141200"/>
          </a:xfrm>
          <a:solidFill>
            <a:srgbClr val="FF7768"/>
          </a:solidFill>
        </p:spPr>
        <p:txBody>
          <a:bodyPr lIns="1800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>
                <a:noFill/>
              </a:defRPr>
            </a:lvl1pPr>
            <a:lvl2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2pPr>
            <a:lvl3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4pPr>
            <a:lvl5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5pPr>
            <a:lvl6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7pPr>
            <a:lvl8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8pPr>
            <a:lvl9pPr marL="0" indent="0" algn="l">
              <a:buFont typeface="Arial" panose="020B0604020202020204" pitchFamily="34" charset="0"/>
              <a:buChar char="​"/>
              <a:defRPr sz="1600"/>
            </a:lvl9pPr>
          </a:lstStyle>
          <a:p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7741775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7239600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8F8B6A84-557F-4839-9E1B-F59D10B6CF53}"/>
              </a:ext>
            </a:extLst>
          </p:cNvPr>
          <p:cNvSpPr>
            <a:spLocks noGrp="1"/>
          </p:cNvSpPr>
          <p:nvPr>
            <p:ph type="subTitle" idx="40" hasCustomPrompt="1"/>
          </p:nvPr>
        </p:nvSpPr>
        <p:spPr>
          <a:xfrm>
            <a:off x="381000" y="5716800"/>
            <a:ext cx="11429400" cy="3792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51EF448-C440-4309-A480-157552AF962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F9F01541-E437-4D01-AC4E-8930032FBA3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C56B528-45A5-4AF8-B674-4E4AB8F151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, no notes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7239600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51EF448-C440-4309-A480-157552AF962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F9F01541-E437-4D01-AC4E-8930032FBA3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C56B528-45A5-4AF8-B674-4E4AB8F151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5591508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7239600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81600" y="1524000"/>
            <a:ext cx="5526000" cy="4190400"/>
          </a:xfrm>
        </p:spPr>
        <p:txBody>
          <a:bodyPr rIns="36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Enter &amp; TAB for next text level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85000" y="1524000"/>
            <a:ext cx="5526000" cy="4191000"/>
          </a:xfrm>
        </p:spPr>
        <p:txBody>
          <a:bodyPr rIns="36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Enter &amp; TAB for next text level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4B18CCCB-46D5-418C-A012-93DB5C34446D}"/>
              </a:ext>
            </a:extLst>
          </p:cNvPr>
          <p:cNvSpPr>
            <a:spLocks noGrp="1"/>
          </p:cNvSpPr>
          <p:nvPr>
            <p:ph type="subTitle" idx="40" hasCustomPrompt="1"/>
          </p:nvPr>
        </p:nvSpPr>
        <p:spPr>
          <a:xfrm>
            <a:off x="381000" y="5716800"/>
            <a:ext cx="11429400" cy="377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BAF8B7E-C2D4-46D2-A1C6-44A7FD3C933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AE5208D-2A22-4845-85FB-24466F775FF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8618AB4-B1C5-4873-891C-D47012FD0E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DF0F45F8-DFED-33AA-CAE9-44A740A46DF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5" name="Logo neg">
            <a:extLst>
              <a:ext uri="{FF2B5EF4-FFF2-40B4-BE49-F238E27FC236}">
                <a16:creationId xmlns:a16="http://schemas.microsoft.com/office/drawing/2014/main" id="{6C611107-C60C-B2BA-08D1-3FD890AE104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61993" y="5333890"/>
            <a:ext cx="4169201" cy="76211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71000" y="767307"/>
            <a:ext cx="6849000" cy="1342799"/>
          </a:xfrm>
        </p:spPr>
        <p:txBody>
          <a:bodyPr anchor="b"/>
          <a:lstStyle>
            <a:lvl1pPr algn="l">
              <a:lnSpc>
                <a:spcPct val="85000"/>
              </a:lnSpc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E95BFA8-2E20-48BF-1DBF-F3A2E9453FD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71000" y="2163046"/>
            <a:ext cx="6849000" cy="512354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rgbClr val="FF7768"/>
                </a:solidFill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2pPr>
            <a:lvl3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3pPr>
            <a:lvl4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4pPr>
            <a:lvl5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5pPr>
            <a:lvl6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6pPr>
            <a:lvl7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7pPr>
            <a:lvl8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8pPr>
            <a:lvl9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title in one line</a:t>
            </a:r>
          </a:p>
        </p:txBody>
      </p:sp>
      <p:sp>
        <p:nvSpPr>
          <p:cNvPr id="16" name="Date Placeholder 6">
            <a:extLst>
              <a:ext uri="{FF2B5EF4-FFF2-40B4-BE49-F238E27FC236}">
                <a16:creationId xmlns:a16="http://schemas.microsoft.com/office/drawing/2014/main" id="{62A93878-C721-4825-BEB8-0871BA6D117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715000" y="5710826"/>
            <a:ext cx="5709900" cy="372601"/>
          </a:xfrm>
        </p:spPr>
        <p:txBody>
          <a:bodyPr anchor="b" anchorCtr="0"/>
          <a:lstStyle>
            <a:lvl1pPr algn="r">
              <a:lnSpc>
                <a:spcPct val="90000"/>
              </a:lnSpc>
              <a:defRPr sz="1400">
                <a:solidFill>
                  <a:srgbClr val="FF7768"/>
                </a:solidFill>
              </a:defRPr>
            </a:lvl1pPr>
          </a:lstStyle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BB004F74-29AB-48A3-86D9-6C4F92244396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5715000" y="6094200"/>
            <a:ext cx="5715000" cy="382200"/>
          </a:xfrm>
        </p:spPr>
        <p:txBody>
          <a:bodyPr/>
          <a:lstStyle>
            <a:lvl1pPr>
              <a:defRPr>
                <a:solidFill>
                  <a:srgbClr val="FF7768"/>
                </a:solidFill>
              </a:defRPr>
            </a:lvl1pPr>
          </a:lstStyle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17" name="Slide Number Placeholder 10" hidden="1">
            <a:extLst>
              <a:ext uri="{FF2B5EF4-FFF2-40B4-BE49-F238E27FC236}">
                <a16:creationId xmlns:a16="http://schemas.microsoft.com/office/drawing/2014/main" id="{6A02CA19-6F8F-4C44-BFC9-1CB61A10B17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2963288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7239600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81600" y="1524000"/>
            <a:ext cx="5526000" cy="4190400"/>
          </a:xfrm>
        </p:spPr>
        <p:txBody>
          <a:bodyPr rIns="36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Enter &amp; TAB for next text level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85600" y="1522800"/>
            <a:ext cx="5526000" cy="4190400"/>
          </a:xfrm>
          <a:solidFill>
            <a:schemeClr val="bg2"/>
          </a:solidFill>
        </p:spPr>
        <p:txBody>
          <a:bodyPr tIns="612000" anchor="ctr" anchorCtr="0"/>
          <a:lstStyle>
            <a:lvl1pPr marL="0" indent="0" algn="ctr">
              <a:buNone/>
              <a:defRPr sz="1200"/>
            </a:lvl1pPr>
          </a:lstStyle>
          <a:p>
            <a:r>
              <a:rPr lang="en-GB" noProof="0" dirty="0"/>
              <a:t>Click on frame and insert picture from the Templafy pan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8EB7FAD-CB58-4151-92BB-E1EFD6064F15}"/>
              </a:ext>
            </a:extLst>
          </p:cNvPr>
          <p:cNvSpPr>
            <a:spLocks noGrp="1"/>
          </p:cNvSpPr>
          <p:nvPr>
            <p:ph type="subTitle" idx="40" hasCustomPrompt="1"/>
          </p:nvPr>
        </p:nvSpPr>
        <p:spPr>
          <a:xfrm>
            <a:off x="381000" y="5716800"/>
            <a:ext cx="11429400" cy="3750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>
                <a:solidFill>
                  <a:schemeClr val="bg1">
                    <a:lumMod val="50000"/>
                  </a:schemeClr>
                </a:solidFill>
              </a:rPr>
              <a:t>18 October 2025  |  Eufores IPM25  |   ROCKWOOL A/S</a:t>
            </a:r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79413" y="1522800"/>
            <a:ext cx="5526000" cy="4190400"/>
          </a:xfrm>
          <a:solidFill>
            <a:schemeClr val="bg2"/>
          </a:solidFill>
        </p:spPr>
        <p:txBody>
          <a:bodyPr tIns="612000" anchor="ctr" anchorCtr="0"/>
          <a:lstStyle>
            <a:lvl1pPr marL="0" indent="0" algn="ctr">
              <a:buNone/>
              <a:defRPr sz="1200"/>
            </a:lvl1pPr>
          </a:lstStyle>
          <a:p>
            <a:r>
              <a:rPr lang="en-GB" noProof="0" dirty="0"/>
              <a:t>Click on frame and insert picture from the Templafy pan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7239600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284400" y="1524000"/>
            <a:ext cx="5526000" cy="4190400"/>
          </a:xfrm>
        </p:spPr>
        <p:txBody>
          <a:bodyPr rIns="36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Enter &amp; TAB for next text level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8EB7FAD-CB58-4151-92BB-E1EFD6064F15}"/>
              </a:ext>
            </a:extLst>
          </p:cNvPr>
          <p:cNvSpPr>
            <a:spLocks noGrp="1"/>
          </p:cNvSpPr>
          <p:nvPr>
            <p:ph type="subTitle" idx="40" hasCustomPrompt="1"/>
          </p:nvPr>
        </p:nvSpPr>
        <p:spPr>
          <a:xfrm>
            <a:off x="381000" y="5716800"/>
            <a:ext cx="11429400" cy="3792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>
                <a:solidFill>
                  <a:schemeClr val="bg1">
                    <a:lumMod val="50000"/>
                  </a:schemeClr>
                </a:solidFill>
              </a:rPr>
              <a:t>18 October 2025  |  Eufores IPM25  |   ROCKWOOL A/S</a:t>
            </a:r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69097952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0755F7-DF62-4241-A15D-BE596D2B672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7239600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81000" y="1524000"/>
            <a:ext cx="3556800" cy="4190400"/>
          </a:xfrm>
        </p:spPr>
        <p:txBody>
          <a:bodyPr rIns="18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Enter &amp; TAB for next text level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17600" y="1524000"/>
            <a:ext cx="3556800" cy="4190400"/>
          </a:xfrm>
        </p:spPr>
        <p:txBody>
          <a:bodyPr rIns="18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Enter &amp; TAB for next text level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54200" y="1524000"/>
            <a:ext cx="3556800" cy="4190400"/>
          </a:xfrm>
        </p:spPr>
        <p:txBody>
          <a:bodyPr rIns="18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Enter &amp; TAB for next text level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9897BD33-3C11-4D04-BB04-3353B3113F39}"/>
              </a:ext>
            </a:extLst>
          </p:cNvPr>
          <p:cNvSpPr>
            <a:spLocks noGrp="1"/>
          </p:cNvSpPr>
          <p:nvPr>
            <p:ph type="subTitle" idx="43" hasCustomPrompt="1"/>
          </p:nvPr>
        </p:nvSpPr>
        <p:spPr>
          <a:xfrm>
            <a:off x="381000" y="5716800"/>
            <a:ext cx="11429400" cy="377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9CF8D6C-4EF3-4616-9C0F-8FAC8E079E06}"/>
              </a:ext>
            </a:extLst>
          </p:cNvPr>
          <p:cNvSpPr>
            <a:spLocks noGrp="1"/>
          </p:cNvSpPr>
          <p:nvPr>
            <p:ph type="dt" sz="half" idx="4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97F5A4F-0E64-45B4-9286-853A772427F3}"/>
              </a:ext>
            </a:extLst>
          </p:cNvPr>
          <p:cNvSpPr>
            <a:spLocks noGrp="1"/>
          </p:cNvSpPr>
          <p:nvPr>
            <p:ph type="ftr" sz="quarter" idx="4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89D74C2-9815-410D-9AA8-E8AE79B5049E}"/>
              </a:ext>
            </a:extLst>
          </p:cNvPr>
          <p:cNvSpPr>
            <a:spLocks noGrp="1"/>
          </p:cNvSpPr>
          <p:nvPr>
            <p:ph type="sldNum" sz="quarter" idx="4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57588553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 with Nu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0755F7-DF62-4241-A15D-BE596D2B672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7239600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81000" y="2667000"/>
            <a:ext cx="3429000" cy="3047400"/>
          </a:xfrm>
        </p:spPr>
        <p:txBody>
          <a:bodyPr rIns="36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Enter &amp; TAB for next text level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191000" y="2667000"/>
            <a:ext cx="3429000" cy="3047400"/>
          </a:xfrm>
        </p:spPr>
        <p:txBody>
          <a:bodyPr rIns="36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Enter &amp; TAB for next text level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001000" y="2667000"/>
            <a:ext cx="3429000" cy="3047400"/>
          </a:xfrm>
        </p:spPr>
        <p:txBody>
          <a:bodyPr rIns="36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Enter &amp; TAB for next text level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9897BD33-3C11-4D04-BB04-3353B3113F39}"/>
              </a:ext>
            </a:extLst>
          </p:cNvPr>
          <p:cNvSpPr>
            <a:spLocks noGrp="1"/>
          </p:cNvSpPr>
          <p:nvPr>
            <p:ph type="subTitle" idx="43" hasCustomPrompt="1"/>
          </p:nvPr>
        </p:nvSpPr>
        <p:spPr>
          <a:xfrm>
            <a:off x="381000" y="5716800"/>
            <a:ext cx="11429400" cy="377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9CF8D6C-4EF3-4616-9C0F-8FAC8E079E06}"/>
              </a:ext>
            </a:extLst>
          </p:cNvPr>
          <p:cNvSpPr>
            <a:spLocks noGrp="1"/>
          </p:cNvSpPr>
          <p:nvPr>
            <p:ph type="dt" sz="half" idx="4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97F5A4F-0E64-45B4-9286-853A772427F3}"/>
              </a:ext>
            </a:extLst>
          </p:cNvPr>
          <p:cNvSpPr>
            <a:spLocks noGrp="1"/>
          </p:cNvSpPr>
          <p:nvPr>
            <p:ph type="ftr" sz="quarter" idx="4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89D74C2-9815-410D-9AA8-E8AE79B5049E}"/>
              </a:ext>
            </a:extLst>
          </p:cNvPr>
          <p:cNvSpPr>
            <a:spLocks noGrp="1"/>
          </p:cNvSpPr>
          <p:nvPr>
            <p:ph type="sldNum" sz="quarter" idx="4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79E8AF22-E690-0ECA-0995-B74E16D7442B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381000" y="1524000"/>
            <a:ext cx="763200" cy="763200"/>
          </a:xfrm>
          <a:solidFill>
            <a:srgbClr val="FF7768"/>
          </a:solidFill>
        </p:spPr>
        <p:txBody>
          <a:bodyPr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>
                <a:solidFill>
                  <a:schemeClr val="accent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9pPr>
          </a:lstStyle>
          <a:p>
            <a:pPr lvl="0"/>
            <a:r>
              <a:rPr lang="en-US" dirty="0"/>
              <a:t>X</a:t>
            </a:r>
            <a:endParaRPr lang="en-GB" dirty="0"/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18FB1B65-4A12-49EC-22DF-CCC2726DB7FC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4196999" y="1524000"/>
            <a:ext cx="763200" cy="763200"/>
          </a:xfrm>
          <a:solidFill>
            <a:srgbClr val="FF7768"/>
          </a:solidFill>
        </p:spPr>
        <p:txBody>
          <a:bodyPr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>
                <a:solidFill>
                  <a:schemeClr val="accent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9pPr>
          </a:lstStyle>
          <a:p>
            <a:pPr lvl="0"/>
            <a:r>
              <a:rPr lang="en-US" dirty="0"/>
              <a:t>X</a:t>
            </a:r>
            <a:endParaRPr lang="en-GB" dirty="0"/>
          </a:p>
        </p:txBody>
      </p:sp>
      <p:sp>
        <p:nvSpPr>
          <p:cNvPr id="19" name="Text Placeholder 10">
            <a:extLst>
              <a:ext uri="{FF2B5EF4-FFF2-40B4-BE49-F238E27FC236}">
                <a16:creationId xmlns:a16="http://schemas.microsoft.com/office/drawing/2014/main" id="{533A5C19-E9B6-2DB6-045B-F65F95653230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8012998" y="1524000"/>
            <a:ext cx="763200" cy="763200"/>
          </a:xfrm>
          <a:solidFill>
            <a:srgbClr val="FF7768"/>
          </a:solidFill>
        </p:spPr>
        <p:txBody>
          <a:bodyPr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>
                <a:solidFill>
                  <a:schemeClr val="accent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4600" b="1"/>
            </a:lvl9pPr>
          </a:lstStyle>
          <a:p>
            <a:pPr lvl="0"/>
            <a:r>
              <a:rPr lang="en-US" dirty="0"/>
              <a:t>X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11018531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on Back- ground Picture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accent3"/>
          </a:solidFill>
        </p:spPr>
        <p:txBody>
          <a:bodyPr lIns="0" tIns="72000" rIns="0" anchor="t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on frame and insert dark background picture from the Templafy pane</a:t>
            </a:r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E486A750-B97D-4993-BCB3-7C5DB5E4B851}"/>
              </a:ext>
            </a:extLst>
          </p:cNvPr>
          <p:cNvSpPr>
            <a:spLocks noGrp="1" noChangeAspect="1"/>
          </p:cNvSpPr>
          <p:nvPr>
            <p:ph type="body" sz="quarter" idx="23" hasCustomPrompt="1"/>
          </p:nvPr>
        </p:nvSpPr>
        <p:spPr>
          <a:xfrm>
            <a:off x="381600" y="6285600"/>
            <a:ext cx="1042200" cy="1908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6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DEE29E3-649D-4719-A4B5-0002DF680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381600" y="381000"/>
            <a:ext cx="7238400" cy="763200"/>
          </a:xfrm>
        </p:spPr>
        <p:txBody>
          <a:bodyPr rIns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F96C5512-9FC7-3B49-FA40-E08FD6A14135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81000" y="1524000"/>
            <a:ext cx="3556800" cy="4190400"/>
          </a:xfrm>
        </p:spPr>
        <p:txBody>
          <a:bodyPr rIns="180000"/>
          <a:lstStyle>
            <a:lvl1pPr>
              <a:buClrTx/>
              <a:defRPr/>
            </a:lvl1pPr>
            <a:lvl2pPr>
              <a:buClrTx/>
              <a:defRPr/>
            </a:lvl2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en-GB" noProof="0" dirty="0"/>
              <a:t>Click to add text                            Enter &amp; TAB for next text level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AEFEC2EA-A13B-DD65-16D5-AC7424BE33BB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17600" y="1524000"/>
            <a:ext cx="3556800" cy="4190400"/>
          </a:xfrm>
        </p:spPr>
        <p:txBody>
          <a:bodyPr rIns="180000"/>
          <a:lstStyle>
            <a:lvl1pPr>
              <a:buClrTx/>
              <a:defRPr/>
            </a:lvl1pPr>
            <a:lvl2pPr>
              <a:buClrTx/>
              <a:defRPr/>
            </a:lvl2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en-GB" noProof="0" dirty="0"/>
              <a:t>Click to add text                            Enter &amp; TAB for next text level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9" name="Content Placeholder 4">
            <a:extLst>
              <a:ext uri="{FF2B5EF4-FFF2-40B4-BE49-F238E27FC236}">
                <a16:creationId xmlns:a16="http://schemas.microsoft.com/office/drawing/2014/main" id="{C36F26EA-42FF-FDBC-BA1C-51857A8C829D}"/>
              </a:ext>
            </a:extLst>
          </p:cNvPr>
          <p:cNvSpPr>
            <a:spLocks noGrp="1"/>
          </p:cNvSpPr>
          <p:nvPr>
            <p:ph sz="half" idx="27" hasCustomPrompt="1"/>
          </p:nvPr>
        </p:nvSpPr>
        <p:spPr>
          <a:xfrm>
            <a:off x="8254200" y="1524000"/>
            <a:ext cx="3556800" cy="4190400"/>
          </a:xfrm>
        </p:spPr>
        <p:txBody>
          <a:bodyPr rIns="180000"/>
          <a:lstStyle>
            <a:lvl1pPr>
              <a:buClrTx/>
              <a:defRPr/>
            </a:lvl1pPr>
            <a:lvl2pPr>
              <a:buClrTx/>
              <a:defRPr/>
            </a:lvl2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en-GB" noProof="0" dirty="0"/>
              <a:t>Click to add text                            Enter &amp; TAB for next text level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17DE37C-EAFB-4E63-9A46-E1F2BC44AB7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4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CCE4475-6D07-4E7D-9CD6-492950DBB115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3D8F405-6DC4-4C9C-B103-557154FD7F9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4198310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on Back- ground Pictur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2"/>
          </a:solidFill>
        </p:spPr>
        <p:txBody>
          <a:bodyPr lIns="0" tIns="72000" rIns="0" anchor="t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on frame and insert light background picture from the Templafy pane</a:t>
            </a:r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E486A750-B97D-4993-BCB3-7C5DB5E4B851}"/>
              </a:ext>
            </a:extLst>
          </p:cNvPr>
          <p:cNvSpPr>
            <a:spLocks noGrp="1" noChangeAspect="1"/>
          </p:cNvSpPr>
          <p:nvPr>
            <p:ph type="body" sz="quarter" idx="23" hasCustomPrompt="1"/>
          </p:nvPr>
        </p:nvSpPr>
        <p:spPr>
          <a:xfrm>
            <a:off x="381600" y="6285600"/>
            <a:ext cx="1042200" cy="1908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6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DEE29E3-649D-4719-A4B5-0002DF680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7238400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A10C7EFD-C8DB-F998-1DCC-E0C9A77B15C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81000" y="1524000"/>
            <a:ext cx="3556800" cy="4190400"/>
          </a:xfrm>
        </p:spPr>
        <p:txBody>
          <a:bodyPr rIns="18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Enter &amp; TAB for next text level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C881817D-60AB-1AA4-FFB7-B6ABE9A22A89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17600" y="1524000"/>
            <a:ext cx="3556800" cy="4190400"/>
          </a:xfrm>
        </p:spPr>
        <p:txBody>
          <a:bodyPr rIns="18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Enter &amp; TAB for next text level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9" name="Content Placeholder 4">
            <a:extLst>
              <a:ext uri="{FF2B5EF4-FFF2-40B4-BE49-F238E27FC236}">
                <a16:creationId xmlns:a16="http://schemas.microsoft.com/office/drawing/2014/main" id="{A6A9BC1F-0572-63E3-91BC-F94739C198F0}"/>
              </a:ext>
            </a:extLst>
          </p:cNvPr>
          <p:cNvSpPr>
            <a:spLocks noGrp="1"/>
          </p:cNvSpPr>
          <p:nvPr>
            <p:ph sz="half" idx="27" hasCustomPrompt="1"/>
          </p:nvPr>
        </p:nvSpPr>
        <p:spPr>
          <a:xfrm>
            <a:off x="8254200" y="1524000"/>
            <a:ext cx="3556800" cy="4190400"/>
          </a:xfrm>
        </p:spPr>
        <p:txBody>
          <a:bodyPr rIns="18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Enter &amp; TAB for next text level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26740E22-722A-4868-91BF-82EF5C57869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4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A6F3ABB-AE28-4A16-8D9D-42F57FB801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9CC896-A008-4277-9E8B-A1281FAC431A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1986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5714400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81600" y="1524000"/>
            <a:ext cx="5716800" cy="4190400"/>
          </a:xfrm>
        </p:spPr>
        <p:txBody>
          <a:bodyPr rIns="36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621200" y="381000"/>
            <a:ext cx="4572000" cy="5333400"/>
          </a:xfrm>
          <a:solidFill>
            <a:schemeClr val="bg2"/>
          </a:solidFill>
        </p:spPr>
        <p:txBody>
          <a:bodyPr tIns="612000" anchor="ctr" anchorCtr="0"/>
          <a:lstStyle>
            <a:lvl1pPr marL="0" indent="0" algn="ctr">
              <a:buNone/>
              <a:defRPr sz="1200"/>
            </a:lvl1pPr>
          </a:lstStyle>
          <a:p>
            <a:r>
              <a:rPr lang="en-GB" noProof="0" dirty="0"/>
              <a:t>Click on frame and insert picture from the Templafy pan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50976F8F-9C19-445D-8B9D-2FC093B74CFC}"/>
              </a:ext>
            </a:extLst>
          </p:cNvPr>
          <p:cNvSpPr>
            <a:spLocks noGrp="1"/>
          </p:cNvSpPr>
          <p:nvPr>
            <p:ph type="subTitle" idx="44" hasCustomPrompt="1"/>
          </p:nvPr>
        </p:nvSpPr>
        <p:spPr>
          <a:xfrm>
            <a:off x="381000" y="5716800"/>
            <a:ext cx="5714400" cy="377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953B51C-9970-4EE4-8DF4-F7FB58C50A7B}"/>
              </a:ext>
            </a:extLst>
          </p:cNvPr>
          <p:cNvSpPr>
            <a:spLocks noGrp="1"/>
          </p:cNvSpPr>
          <p:nvPr>
            <p:ph type="dt" sz="half" idx="4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5201AED-E532-45F7-97F6-792539233590}"/>
              </a:ext>
            </a:extLst>
          </p:cNvPr>
          <p:cNvSpPr>
            <a:spLocks noGrp="1"/>
          </p:cNvSpPr>
          <p:nvPr>
            <p:ph type="ftr" sz="quarter" idx="4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E869392-7EE1-4E6C-98C0-DC234D0E7D7E}"/>
              </a:ext>
            </a:extLst>
          </p:cNvPr>
          <p:cNvSpPr>
            <a:spLocks noGrp="1"/>
          </p:cNvSpPr>
          <p:nvPr>
            <p:ph type="sldNum" sz="quarter" idx="4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2" name="Transperancy 40">
            <a:extLst>
              <a:ext uri="{FF2B5EF4-FFF2-40B4-BE49-F238E27FC236}">
                <a16:creationId xmlns:a16="http://schemas.microsoft.com/office/drawing/2014/main" id="{9569B6D0-C77D-4891-A685-2CF5F42E3925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7430400" y="1522800"/>
            <a:ext cx="381600" cy="1144800"/>
          </a:xfrm>
          <a:solidFill>
            <a:schemeClr val="accent4"/>
          </a:solidFill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>
              <a:defRPr sz="600"/>
            </a:lvl2pPr>
            <a:lvl3pPr>
              <a:defRPr sz="600"/>
            </a:lvl3pPr>
            <a:lvl4pPr>
              <a:defRPr sz="600"/>
            </a:lvl4pPr>
            <a:lvl5pPr>
              <a:defRPr sz="600"/>
            </a:lvl5pPr>
          </a:lstStyle>
          <a:p>
            <a:pPr lvl="0"/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72061729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599" y="381000"/>
            <a:ext cx="6854521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81600" y="1524000"/>
            <a:ext cx="6857400" cy="4190400"/>
          </a:xfrm>
        </p:spPr>
        <p:txBody>
          <a:bodyPr rIns="36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621200" y="0"/>
            <a:ext cx="4572000" cy="5714400"/>
          </a:xfrm>
          <a:solidFill>
            <a:schemeClr val="bg2"/>
          </a:solidFill>
        </p:spPr>
        <p:txBody>
          <a:bodyPr tIns="612000" anchor="ctr" anchorCtr="0"/>
          <a:lstStyle>
            <a:lvl1pPr marL="0" indent="0" algn="ctr">
              <a:buNone/>
              <a:defRPr sz="1200"/>
            </a:lvl1pPr>
          </a:lstStyle>
          <a:p>
            <a:r>
              <a:rPr lang="en-GB" noProof="0" dirty="0"/>
              <a:t>Click on frame and insert picture from the Templafy pan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50976F8F-9C19-445D-8B9D-2FC093B74CFC}"/>
              </a:ext>
            </a:extLst>
          </p:cNvPr>
          <p:cNvSpPr>
            <a:spLocks noGrp="1"/>
          </p:cNvSpPr>
          <p:nvPr>
            <p:ph type="subTitle" idx="44" hasCustomPrompt="1"/>
          </p:nvPr>
        </p:nvSpPr>
        <p:spPr>
          <a:xfrm>
            <a:off x="381000" y="5716800"/>
            <a:ext cx="6858000" cy="377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953B51C-9970-4EE4-8DF4-F7FB58C50A7B}"/>
              </a:ext>
            </a:extLst>
          </p:cNvPr>
          <p:cNvSpPr>
            <a:spLocks noGrp="1"/>
          </p:cNvSpPr>
          <p:nvPr>
            <p:ph type="dt" sz="half" idx="4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5201AED-E532-45F7-97F6-792539233590}"/>
              </a:ext>
            </a:extLst>
          </p:cNvPr>
          <p:cNvSpPr>
            <a:spLocks noGrp="1"/>
          </p:cNvSpPr>
          <p:nvPr>
            <p:ph type="ftr" sz="quarter" idx="4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E869392-7EE1-4E6C-98C0-DC234D0E7D7E}"/>
              </a:ext>
            </a:extLst>
          </p:cNvPr>
          <p:cNvSpPr>
            <a:spLocks noGrp="1"/>
          </p:cNvSpPr>
          <p:nvPr>
            <p:ph type="sldNum" sz="quarter" idx="4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2" name="Transperancy 40">
            <a:extLst>
              <a:ext uri="{FF2B5EF4-FFF2-40B4-BE49-F238E27FC236}">
                <a16:creationId xmlns:a16="http://schemas.microsoft.com/office/drawing/2014/main" id="{9569B6D0-C77D-4891-A685-2CF5F42E3925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7430400" y="3810000"/>
            <a:ext cx="381600" cy="1524000"/>
          </a:xfrm>
          <a:solidFill>
            <a:srgbClr val="1AB092"/>
          </a:solidFill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>
              <a:defRPr sz="600"/>
            </a:lvl2pPr>
            <a:lvl3pPr>
              <a:defRPr sz="600"/>
            </a:lvl3pPr>
            <a:lvl4pPr>
              <a:defRPr sz="600"/>
            </a:lvl4pPr>
            <a:lvl5pPr>
              <a:defRPr sz="600"/>
            </a:lvl5pPr>
          </a:lstStyle>
          <a:p>
            <a:pPr lvl="0"/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543101913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4953000" cy="6096000"/>
          </a:xfrm>
          <a:solidFill>
            <a:schemeClr val="bg2"/>
          </a:solidFill>
        </p:spPr>
        <p:txBody>
          <a:bodyPr tIns="612000" anchor="ctr" anchorCtr="0"/>
          <a:lstStyle>
            <a:lvl1pPr marL="0" indent="0" algn="ctr">
              <a:buNone/>
              <a:defRPr sz="1200"/>
            </a:lvl1pPr>
          </a:lstStyle>
          <a:p>
            <a:r>
              <a:rPr lang="en-GB" noProof="0" dirty="0"/>
              <a:t>Click on frame and insert picture from the Templafy pan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34000" y="381000"/>
            <a:ext cx="6474120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334160" y="1524000"/>
            <a:ext cx="6476839" cy="4190400"/>
          </a:xfrm>
        </p:spPr>
        <p:txBody>
          <a:bodyPr rIns="36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Enter &amp; TAB for next text level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50976F8F-9C19-445D-8B9D-2FC093B74CFC}"/>
              </a:ext>
            </a:extLst>
          </p:cNvPr>
          <p:cNvSpPr>
            <a:spLocks noGrp="1"/>
          </p:cNvSpPr>
          <p:nvPr>
            <p:ph type="subTitle" idx="44" hasCustomPrompt="1"/>
          </p:nvPr>
        </p:nvSpPr>
        <p:spPr>
          <a:xfrm>
            <a:off x="5333999" y="5716800"/>
            <a:ext cx="6476999" cy="3792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953B51C-9970-4EE4-8DF4-F7FB58C50A7B}"/>
              </a:ext>
            </a:extLst>
          </p:cNvPr>
          <p:cNvSpPr>
            <a:spLocks noGrp="1"/>
          </p:cNvSpPr>
          <p:nvPr>
            <p:ph type="dt" sz="half" idx="4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5201AED-E532-45F7-97F6-792539233590}"/>
              </a:ext>
            </a:extLst>
          </p:cNvPr>
          <p:cNvSpPr>
            <a:spLocks noGrp="1"/>
          </p:cNvSpPr>
          <p:nvPr>
            <p:ph type="ftr" sz="quarter" idx="4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E869392-7EE1-4E6C-98C0-DC234D0E7D7E}"/>
              </a:ext>
            </a:extLst>
          </p:cNvPr>
          <p:cNvSpPr>
            <a:spLocks noGrp="1"/>
          </p:cNvSpPr>
          <p:nvPr>
            <p:ph type="sldNum" sz="quarter" idx="4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2" name="Transperancy 40">
            <a:extLst>
              <a:ext uri="{FF2B5EF4-FFF2-40B4-BE49-F238E27FC236}">
                <a16:creationId xmlns:a16="http://schemas.microsoft.com/office/drawing/2014/main" id="{9569B6D0-C77D-4891-A685-2CF5F42E3925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761900" y="3810000"/>
            <a:ext cx="381600" cy="1524000"/>
          </a:xfrm>
          <a:solidFill>
            <a:srgbClr val="EBEA79"/>
          </a:solidFill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>
              <a:defRPr sz="600"/>
            </a:lvl2pPr>
            <a:lvl3pPr>
              <a:defRPr sz="600"/>
            </a:lvl3pPr>
            <a:lvl4pPr>
              <a:defRPr sz="600"/>
            </a:lvl4pPr>
            <a:lvl5pPr>
              <a:defRPr sz="600"/>
            </a:lvl5pPr>
          </a:lstStyle>
          <a:p>
            <a:pPr lvl="0"/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71033419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Highl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EE748F-03E8-47BE-9817-3918159343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599" y="381000"/>
            <a:ext cx="11429401" cy="763200"/>
          </a:xfrm>
        </p:spPr>
        <p:txBody>
          <a:bodyPr rIns="0"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81600" y="1524000"/>
            <a:ext cx="5333400" cy="4190400"/>
          </a:xfrm>
        </p:spPr>
        <p:txBody>
          <a:bodyPr rIns="360000"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50976F8F-9C19-445D-8B9D-2FC093B74CFC}"/>
              </a:ext>
            </a:extLst>
          </p:cNvPr>
          <p:cNvSpPr>
            <a:spLocks noGrp="1"/>
          </p:cNvSpPr>
          <p:nvPr>
            <p:ph type="subTitle" idx="44" hasCustomPrompt="1"/>
          </p:nvPr>
        </p:nvSpPr>
        <p:spPr>
          <a:xfrm>
            <a:off x="381000" y="5716800"/>
            <a:ext cx="11430000" cy="377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953B51C-9970-4EE4-8DF4-F7FB58C50A7B}"/>
              </a:ext>
            </a:extLst>
          </p:cNvPr>
          <p:cNvSpPr>
            <a:spLocks noGrp="1"/>
          </p:cNvSpPr>
          <p:nvPr>
            <p:ph type="dt" sz="half" idx="4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5201AED-E532-45F7-97F6-792539233590}"/>
              </a:ext>
            </a:extLst>
          </p:cNvPr>
          <p:cNvSpPr>
            <a:spLocks noGrp="1"/>
          </p:cNvSpPr>
          <p:nvPr>
            <p:ph type="ftr" sz="quarter" idx="4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E869392-7EE1-4E6C-98C0-DC234D0E7D7E}"/>
              </a:ext>
            </a:extLst>
          </p:cNvPr>
          <p:cNvSpPr>
            <a:spLocks noGrp="1"/>
          </p:cNvSpPr>
          <p:nvPr>
            <p:ph type="sldNum" sz="quarter" idx="4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2F72C521-0300-79A6-EF12-51DFDAFAB04B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6096000" y="1524000"/>
            <a:ext cx="1143000" cy="1143000"/>
          </a:xfrm>
          <a:solidFill>
            <a:srgbClr val="45A6DE"/>
          </a:solidFill>
        </p:spPr>
        <p:txBody>
          <a:bodyPr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6000" b="1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2pPr>
            <a:lvl3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3pPr>
            <a:lvl4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4pPr>
            <a:lvl5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5pPr>
            <a:lvl6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6pPr>
            <a:lvl7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7pPr>
            <a:lvl8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8pPr>
            <a:lvl9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9pPr>
          </a:lstStyle>
          <a:p>
            <a:pPr lvl="0"/>
            <a:r>
              <a:rPr lang="en-US" dirty="0"/>
              <a:t>X</a:t>
            </a:r>
            <a:endParaRPr lang="en-GB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14995E9E-F16F-BE0F-CC43-624C5499C300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7239000" y="1524000"/>
            <a:ext cx="4572000" cy="1143000"/>
          </a:xfrm>
          <a:solidFill>
            <a:srgbClr val="D0E9F7"/>
          </a:solidFill>
        </p:spPr>
        <p:txBody>
          <a:bodyPr lIns="180000" anchor="ctr" anchorCtr="0"/>
          <a:lstStyle>
            <a:lvl1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accent6">
                    <a:lumMod val="50000"/>
                  </a:schemeClr>
                </a:solidFill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2pPr>
            <a:lvl3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3pPr>
            <a:lvl4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4pPr>
            <a:lvl5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5pPr>
            <a:lvl6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6pPr>
            <a:lvl7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7pPr>
            <a:lvl8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8pPr>
            <a:lvl9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9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3DA0D17A-DB76-3595-3B87-468856574A3C}"/>
              </a:ext>
            </a:extLst>
          </p:cNvPr>
          <p:cNvSpPr>
            <a:spLocks noGrp="1"/>
          </p:cNvSpPr>
          <p:nvPr>
            <p:ph type="body" sz="quarter" idx="47" hasCustomPrompt="1"/>
          </p:nvPr>
        </p:nvSpPr>
        <p:spPr>
          <a:xfrm>
            <a:off x="6096000" y="2857500"/>
            <a:ext cx="1143000" cy="1143000"/>
          </a:xfrm>
          <a:solidFill>
            <a:srgbClr val="FF7768"/>
          </a:solidFill>
        </p:spPr>
        <p:txBody>
          <a:bodyPr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6000" b="1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2pPr>
            <a:lvl3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3pPr>
            <a:lvl4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4pPr>
            <a:lvl5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5pPr>
            <a:lvl6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6pPr>
            <a:lvl7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7pPr>
            <a:lvl8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8pPr>
            <a:lvl9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9pPr>
          </a:lstStyle>
          <a:p>
            <a:pPr lvl="0"/>
            <a:r>
              <a:rPr lang="en-US" dirty="0"/>
              <a:t>X</a:t>
            </a:r>
            <a:endParaRPr lang="en-GB" dirty="0"/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46E97E28-6DD1-4320-C56D-75B068252C33}"/>
              </a:ext>
            </a:extLst>
          </p:cNvPr>
          <p:cNvSpPr>
            <a:spLocks noGrp="1"/>
          </p:cNvSpPr>
          <p:nvPr>
            <p:ph type="body" sz="quarter" idx="48" hasCustomPrompt="1"/>
          </p:nvPr>
        </p:nvSpPr>
        <p:spPr>
          <a:xfrm>
            <a:off x="7239000" y="2857500"/>
            <a:ext cx="4572000" cy="1143000"/>
          </a:xfrm>
          <a:solidFill>
            <a:srgbClr val="FFDDD9"/>
          </a:solidFill>
        </p:spPr>
        <p:txBody>
          <a:bodyPr lIns="180000" anchor="ctr" anchorCtr="0"/>
          <a:lstStyle>
            <a:lvl1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accent4"/>
                </a:solidFill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2pPr>
            <a:lvl3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3pPr>
            <a:lvl4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4pPr>
            <a:lvl5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5pPr>
            <a:lvl6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6pPr>
            <a:lvl7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7pPr>
            <a:lvl8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8pPr>
            <a:lvl9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9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4861D42-9ECF-8E1D-1EB0-BE52188C9D70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6095400" y="4191000"/>
            <a:ext cx="1143000" cy="1143000"/>
          </a:xfrm>
          <a:solidFill>
            <a:srgbClr val="D6BB74"/>
          </a:solidFill>
        </p:spPr>
        <p:txBody>
          <a:bodyPr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6000" b="1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2pPr>
            <a:lvl3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3pPr>
            <a:lvl4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4pPr>
            <a:lvl5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5pPr>
            <a:lvl6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6pPr>
            <a:lvl7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7pPr>
            <a:lvl8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8pPr>
            <a:lvl9pPr marL="0" indent="0">
              <a:spcBef>
                <a:spcPts val="0"/>
              </a:spcBef>
              <a:spcAft>
                <a:spcPts val="0"/>
              </a:spcAft>
              <a:buNone/>
              <a:defRPr sz="6000" b="1"/>
            </a:lvl9pPr>
          </a:lstStyle>
          <a:p>
            <a:pPr lvl="0"/>
            <a:r>
              <a:rPr lang="en-US" dirty="0"/>
              <a:t>X</a:t>
            </a:r>
            <a:endParaRPr lang="en-GB" dirty="0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A3FAAEF-EB9D-D65E-ED63-7AAD8A1D7851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7238400" y="4191000"/>
            <a:ext cx="4572000" cy="1143000"/>
          </a:xfrm>
          <a:solidFill>
            <a:srgbClr val="F5EEDC"/>
          </a:solidFill>
        </p:spPr>
        <p:txBody>
          <a:bodyPr lIns="180000" anchor="ctr" anchorCtr="0"/>
          <a:lstStyle>
            <a:lvl1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>
                <a:solidFill>
                  <a:schemeClr val="accent5">
                    <a:lumMod val="50000"/>
                  </a:schemeClr>
                </a:solidFill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2pPr>
            <a:lvl3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3pPr>
            <a:lvl4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4pPr>
            <a:lvl5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5pPr>
            <a:lvl6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6pPr>
            <a:lvl7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7pPr>
            <a:lvl8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8pPr>
            <a:lvl9pPr marL="0" indent="0">
              <a:spcBef>
                <a:spcPts val="0"/>
              </a:spcBef>
              <a:spcAft>
                <a:spcPts val="0"/>
              </a:spcAft>
              <a:buFontTx/>
              <a:buNone/>
              <a:defRPr sz="2800" b="0"/>
            </a:lvl9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42510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Logo">
            <a:extLst>
              <a:ext uri="{FF2B5EF4-FFF2-40B4-BE49-F238E27FC236}">
                <a16:creationId xmlns:a16="http://schemas.microsoft.com/office/drawing/2014/main" id="{9D8D5127-1EE9-4765-998C-48F732354BF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62004" y="5333890"/>
            <a:ext cx="4169190" cy="762110"/>
          </a:xfrm>
          <a:prstGeom prst="rect">
            <a:avLst/>
          </a:prstGeom>
        </p:spPr>
      </p:pic>
      <p:sp>
        <p:nvSpPr>
          <p:cNvPr id="20" name="Picture Placeholder 5">
            <a:extLst>
              <a:ext uri="{FF2B5EF4-FFF2-40B4-BE49-F238E27FC236}">
                <a16:creationId xmlns:a16="http://schemas.microsoft.com/office/drawing/2014/main" id="{8E3340FD-F5D0-4C67-974A-98C2C226969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761999"/>
            <a:ext cx="6858000" cy="3810001"/>
          </a:xfrm>
          <a:solidFill>
            <a:schemeClr val="bg2"/>
          </a:solidFill>
        </p:spPr>
        <p:txBody>
          <a:bodyPr tIns="612000" anchor="ctr" anchorCtr="0"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Click on frame and insert picture from the Templafy pan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441200" y="763200"/>
            <a:ext cx="3988800" cy="2394000"/>
          </a:xfrm>
        </p:spPr>
        <p:txBody>
          <a:bodyPr anchor="b"/>
          <a:lstStyle>
            <a:lvl1pPr algn="l">
              <a:defRPr sz="40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6" name="Date Placeholder 6">
            <a:extLst>
              <a:ext uri="{FF2B5EF4-FFF2-40B4-BE49-F238E27FC236}">
                <a16:creationId xmlns:a16="http://schemas.microsoft.com/office/drawing/2014/main" id="{62A93878-C721-4825-BEB8-0871BA6D117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436100" y="3437399"/>
            <a:ext cx="3988800" cy="372601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BB004F74-29AB-48A3-86D9-6C4F92244396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5715000" y="6094200"/>
            <a:ext cx="5715000" cy="3822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17" name="Slide Number Placeholder 10" hidden="1">
            <a:extLst>
              <a:ext uri="{FF2B5EF4-FFF2-40B4-BE49-F238E27FC236}">
                <a16:creationId xmlns:a16="http://schemas.microsoft.com/office/drawing/2014/main" id="{6A02CA19-6F8F-4C44-BFC9-1CB61A10B17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3" name="Transperancy 2"/>
          <p:cNvSpPr>
            <a:spLocks noGrp="1"/>
          </p:cNvSpPr>
          <p:nvPr>
            <p:ph type="subTitle" idx="1" hasCustomPrompt="1"/>
          </p:nvPr>
        </p:nvSpPr>
        <p:spPr>
          <a:xfrm>
            <a:off x="5335200" y="572400"/>
            <a:ext cx="1144800" cy="381600"/>
          </a:xfrm>
          <a:solidFill>
            <a:schemeClr val="accent6"/>
          </a:solidFill>
        </p:spPr>
        <p:txBody>
          <a:bodyPr lIns="1800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>
                <a:noFill/>
              </a:defRPr>
            </a:lvl1pPr>
            <a:lvl2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2pPr>
            <a:lvl3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4pPr>
            <a:lvl5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5pPr>
            <a:lvl6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0"/>
            </a:lvl7pPr>
            <a:lvl8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600"/>
            </a:lvl8pPr>
            <a:lvl9pPr marL="0" indent="0" algn="l">
              <a:buFont typeface="Arial" panose="020B0604020202020204" pitchFamily="34" charset="0"/>
              <a:buChar char="​"/>
              <a:defRPr sz="1600"/>
            </a:lvl9pPr>
          </a:lstStyle>
          <a:p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: Eight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28BDB92-B71D-4CA3-BED1-AE9C07E7F20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6858000" cy="763200"/>
          </a:xfrm>
        </p:spPr>
        <p:txBody>
          <a:bodyPr rIns="0"/>
          <a:lstStyle>
            <a:lvl1pPr>
              <a:defRPr sz="20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20BA15FE-0F14-44D9-BA17-21995E2C140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81000" y="1524000"/>
            <a:ext cx="2570400" cy="19044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144000" indent="-144000">
              <a:buFont typeface="Wingdings" panose="05000000000000000000" pitchFamily="2" charset="2"/>
              <a:buChar char="§"/>
              <a:defRPr/>
            </a:lvl2pPr>
            <a:lvl3pPr marL="270000" indent="-12600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3pPr>
            <a:lvl4pPr marL="396000" indent="-126000">
              <a:spcBef>
                <a:spcPts val="0"/>
              </a:spcBef>
              <a:buFont typeface="Avenir Next LT Pro" panose="020B0504020202020204" pitchFamily="34" charset="0"/>
              <a:buChar char="–"/>
              <a:defRPr sz="1400" b="0"/>
            </a:lvl4pPr>
            <a:lvl5pPr>
              <a:defRPr sz="1600"/>
            </a:lvl5pPr>
          </a:lstStyle>
          <a:p>
            <a:pPr lvl="0"/>
            <a:r>
              <a:rPr lang="en-GB" dirty="0"/>
              <a:t>Click to add short intro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6165A88-E664-4A2D-A582-4001D9B7E2D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81000" y="3810000"/>
            <a:ext cx="2570400" cy="19050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F34624D-90F7-4331-AA65-C99AAE4BC15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30000" y="1524000"/>
            <a:ext cx="2570400" cy="19044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5DC63C98-80B0-43ED-A5A3-CA7C5FB7913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3330000" y="3810000"/>
            <a:ext cx="2570400" cy="19044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FCA2038F-77F7-46CD-9F73-7EEF2FE84742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289200" y="1524000"/>
            <a:ext cx="2570400" cy="19044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DE1C7D49-A5E0-4CB4-9656-ADE8FA685F0C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89200" y="3810000"/>
            <a:ext cx="2570400" cy="19044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6pPr>
              <a:defRPr/>
            </a:lvl6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135DBD11-565F-4EA8-914D-E9EE99A42F00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9234000" y="1524000"/>
            <a:ext cx="2570400" cy="19044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CA86996-965A-4D13-B4A6-A6C7C77B306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9234000" y="3810000"/>
            <a:ext cx="2570400" cy="19044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A5088870-3977-44B5-8E0C-C2DD706611A2}"/>
              </a:ext>
            </a:extLst>
          </p:cNvPr>
          <p:cNvSpPr>
            <a:spLocks noGrp="1"/>
          </p:cNvSpPr>
          <p:nvPr>
            <p:ph type="subTitle" idx="40" hasCustomPrompt="1"/>
          </p:nvPr>
        </p:nvSpPr>
        <p:spPr>
          <a:xfrm>
            <a:off x="381000" y="5716800"/>
            <a:ext cx="11429400" cy="3792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63C3061E-84D3-44E8-83E2-B6EFB6BA83E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18F57AD-E863-460B-A6C8-926CA64BDB6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038D47F-C454-4616-B35B-410770E9EC0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6693032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: Eight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28BDB92-B71D-4CA3-BED1-AE9C07E7F20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6857400" cy="763200"/>
          </a:xfrm>
        </p:spPr>
        <p:txBody>
          <a:bodyPr rIns="0"/>
          <a:lstStyle>
            <a:lvl1pPr>
              <a:defRPr sz="20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20BA15FE-0F14-44D9-BA17-21995E2C140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81000" y="1524000"/>
            <a:ext cx="2570400" cy="19044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144000" indent="-144000">
              <a:buFont typeface="Wingdings" panose="05000000000000000000" pitchFamily="2" charset="2"/>
              <a:buChar char="§"/>
              <a:defRPr/>
            </a:lvl2pPr>
            <a:lvl3pPr marL="270000" indent="-12600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3pPr>
            <a:lvl4pPr marL="396000" indent="-126000">
              <a:spcBef>
                <a:spcPts val="0"/>
              </a:spcBef>
              <a:buFont typeface="Avenir Next LT Pro" panose="020B0504020202020204" pitchFamily="34" charset="0"/>
              <a:buChar char="–"/>
              <a:defRPr sz="1400" b="0"/>
            </a:lvl4pPr>
          </a:lstStyle>
          <a:p>
            <a:pPr lvl="0"/>
            <a:r>
              <a:rPr lang="en-GB" dirty="0"/>
              <a:t>Click to add short intro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6165A88-E664-4A2D-A582-4001D9B7E2D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81000" y="3810000"/>
            <a:ext cx="2570400" cy="19050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F34624D-90F7-4331-AA65-C99AAE4BC15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30000" y="1524000"/>
            <a:ext cx="2570400" cy="19044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5DC63C98-80B0-43ED-A5A3-CA7C5FB7913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3330000" y="3810000"/>
            <a:ext cx="2570400" cy="19044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FCA2038F-77F7-46CD-9F73-7EEF2FE84742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289200" y="1524000"/>
            <a:ext cx="2570400" cy="19044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DE1C7D49-A5E0-4CB4-9656-ADE8FA685F0C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89200" y="3810000"/>
            <a:ext cx="2570400" cy="1904400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spcBef>
                <a:spcPts val="0"/>
              </a:spcBef>
              <a:defRPr sz="1100"/>
            </a:lvl4pPr>
            <a:lvl5pPr>
              <a:defRPr sz="1100"/>
            </a:lvl5pPr>
            <a:lvl6pPr>
              <a:defRPr/>
            </a:lvl6pPr>
            <a:lvl9pPr>
              <a:defRPr sz="36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text                               Enter &amp; TAB for next text level SHIFT+TAB to go back in level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4" name="Text Placeholder 27">
            <a:extLst>
              <a:ext uri="{FF2B5EF4-FFF2-40B4-BE49-F238E27FC236}">
                <a16:creationId xmlns:a16="http://schemas.microsoft.com/office/drawing/2014/main" id="{5A2E69DB-E5BA-495E-BCBA-614128A5C37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248400" y="581598"/>
            <a:ext cx="2570400" cy="5132802"/>
          </a:xfrm>
          <a:solidFill>
            <a:schemeClr val="accent4"/>
          </a:solidFill>
        </p:spPr>
        <p:txBody>
          <a:bodyPr lIns="190800" tIns="936000" rIns="180000" bIns="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sz="3600" b="0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 sz="3600"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 sz="2800"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highlight text</a:t>
            </a:r>
          </a:p>
          <a:p>
            <a:pPr lvl="1"/>
            <a:endParaRPr lang="en-GB" dirty="0"/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E1126FFE-ACCB-4BFB-9393-B104A3CDC003}"/>
              </a:ext>
            </a:extLst>
          </p:cNvPr>
          <p:cNvSpPr>
            <a:spLocks noGrp="1"/>
          </p:cNvSpPr>
          <p:nvPr>
            <p:ph type="subTitle" idx="40" hasCustomPrompt="1"/>
          </p:nvPr>
        </p:nvSpPr>
        <p:spPr>
          <a:xfrm>
            <a:off x="381000" y="5716800"/>
            <a:ext cx="8478600" cy="3786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63C3061E-84D3-44E8-83E2-B6EFB6BA83E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18F57AD-E863-460B-A6C8-926CA64BDB6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038D47F-C454-4616-B35B-410770E9EC0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 Placeholder 41">
            <a:extLst>
              <a:ext uri="{FF2B5EF4-FFF2-40B4-BE49-F238E27FC236}">
                <a16:creationId xmlns:a16="http://schemas.microsoft.com/office/drawing/2014/main" id="{88531C3B-FC61-40BD-B5A6-C2DECD23C27F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9457200" y="387000"/>
            <a:ext cx="882000" cy="381600"/>
          </a:xfrm>
          <a:solidFill>
            <a:srgbClr val="D6BB74"/>
          </a:solidFill>
        </p:spPr>
        <p:txBody>
          <a:bodyPr/>
          <a:lstStyle>
            <a:lvl1pPr marL="0" indent="0">
              <a:buFontTx/>
              <a:buNone/>
              <a:defRPr sz="600">
                <a:noFill/>
              </a:defRPr>
            </a:lvl1pPr>
            <a:lvl2pPr marL="180000" indent="0">
              <a:buFontTx/>
              <a:buNone/>
              <a:defRPr sz="600">
                <a:noFill/>
              </a:defRPr>
            </a:lvl2pPr>
            <a:lvl3pPr marL="360000" indent="0">
              <a:buFontTx/>
              <a:buNone/>
              <a:defRPr sz="600">
                <a:noFill/>
              </a:defRPr>
            </a:lvl3pPr>
            <a:lvl4pPr>
              <a:buFontTx/>
              <a:buNone/>
              <a:defRPr sz="600">
                <a:noFill/>
              </a:defRPr>
            </a:lvl4pPr>
            <a:lvl5pPr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53232770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ditorial: Full Picture and Ico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Background">
            <a:extLst>
              <a:ext uri="{FF2B5EF4-FFF2-40B4-BE49-F238E27FC236}">
                <a16:creationId xmlns:a16="http://schemas.microsoft.com/office/drawing/2014/main" id="{E3599075-2776-4465-B2B0-160B219C71F1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accent3"/>
          </a:solidFill>
        </p:spPr>
        <p:txBody>
          <a:bodyPr lIns="0" tIns="72000" anchor="t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on frame and insert dark background picture from the Templafy pan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76061D2-DD90-4428-884C-A041AF24735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381600" y="381000"/>
            <a:ext cx="6476400" cy="7632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522D53E2-1073-4646-88DD-616BCF2C5E1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white">
          <a:xfrm>
            <a:off x="381600" y="2667600"/>
            <a:ext cx="2188800" cy="3049200"/>
          </a:xfrm>
          <a:noFill/>
        </p:spPr>
        <p:txBody>
          <a:bodyPr lIns="0" tIns="0" rIns="0" bIns="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b="1">
                <a:solidFill>
                  <a:schemeClr val="tx1"/>
                </a:solidFill>
              </a:defRPr>
            </a:lvl1pPr>
            <a:lvl2pPr marL="144000" indent="-144000">
              <a:spcBef>
                <a:spcPts val="60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</a:defRPr>
            </a:lvl2pPr>
            <a:lvl3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>
                <a:solidFill>
                  <a:schemeClr val="tx1"/>
                </a:solidFill>
              </a:defRPr>
            </a:lvl3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B2F024ED-E21A-477B-A821-E7F85A2BB8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3337200" y="2667600"/>
            <a:ext cx="2188800" cy="3049200"/>
          </a:xfrm>
          <a:noFill/>
        </p:spPr>
        <p:txBody>
          <a:bodyPr lIns="0" tIns="0" rIns="0" bIns="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b="1">
                <a:solidFill>
                  <a:schemeClr val="tx1"/>
                </a:solidFill>
              </a:defRPr>
            </a:lvl1pPr>
            <a:lvl2pPr marL="144000" indent="-144000">
              <a:spcBef>
                <a:spcPts val="60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</a:defRPr>
            </a:lvl2pPr>
            <a:lvl3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>
                <a:solidFill>
                  <a:schemeClr val="tx1"/>
                </a:solidFill>
              </a:defRPr>
            </a:lvl3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BDBF2D4-D010-4E51-95B8-DCBFAF31E73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6292800" y="2667600"/>
            <a:ext cx="2188800" cy="3049200"/>
          </a:xfrm>
          <a:noFill/>
        </p:spPr>
        <p:txBody>
          <a:bodyPr lIns="0" tIns="0" rIns="0" bIns="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b="1">
                <a:solidFill>
                  <a:schemeClr val="tx1"/>
                </a:solidFill>
              </a:defRPr>
            </a:lvl1pPr>
            <a:lvl2pPr marL="144000" indent="-144000">
              <a:spcBef>
                <a:spcPts val="60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</a:defRPr>
            </a:lvl2pPr>
            <a:lvl3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>
                <a:solidFill>
                  <a:schemeClr val="tx1"/>
                </a:solidFill>
              </a:defRPr>
            </a:lvl3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2"/>
            <a:endParaRPr lang="en-GB" dirty="0"/>
          </a:p>
        </p:txBody>
      </p:sp>
      <p:sp>
        <p:nvSpPr>
          <p:cNvPr id="17" name="Text Placeholder 19">
            <a:extLst>
              <a:ext uri="{FF2B5EF4-FFF2-40B4-BE49-F238E27FC236}">
                <a16:creationId xmlns:a16="http://schemas.microsoft.com/office/drawing/2014/main" id="{CFA49303-64FB-4979-9405-E9B8E372010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 bwMode="white">
          <a:xfrm>
            <a:off x="9248400" y="2667600"/>
            <a:ext cx="2188800" cy="3049200"/>
          </a:xfrm>
          <a:noFill/>
        </p:spPr>
        <p:txBody>
          <a:bodyPr lIns="0" tIns="0" rIns="0" bIns="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b="1">
                <a:solidFill>
                  <a:schemeClr val="tx1"/>
                </a:solidFill>
              </a:defRPr>
            </a:lvl1pPr>
            <a:lvl2pPr marL="144000" indent="-144000">
              <a:spcBef>
                <a:spcPts val="60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</a:defRPr>
            </a:lvl2pPr>
            <a:lvl3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>
                <a:solidFill>
                  <a:schemeClr val="tx1"/>
                </a:solidFill>
              </a:defRPr>
            </a:lvl3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26" name="Content Placeholder 25">
            <a:extLst>
              <a:ext uri="{FF2B5EF4-FFF2-40B4-BE49-F238E27FC236}">
                <a16:creationId xmlns:a16="http://schemas.microsoft.com/office/drawing/2014/main" id="{56D12F4F-59DA-4F8E-8139-54B98F195844}"/>
              </a:ext>
            </a:extLst>
          </p:cNvPr>
          <p:cNvSpPr>
            <a:spLocks noGrp="1" noChangeAspect="1"/>
          </p:cNvSpPr>
          <p:nvPr>
            <p:ph sz="quarter" idx="31" hasCustomPrompt="1"/>
          </p:nvPr>
        </p:nvSpPr>
        <p:spPr>
          <a:xfrm>
            <a:off x="381600" y="1522800"/>
            <a:ext cx="763200" cy="763200"/>
          </a:xfrm>
        </p:spPr>
        <p:txBody>
          <a:bodyPr wrap="none" lIns="864000"/>
          <a:lstStyle>
            <a:lvl1pPr marL="0" indent="0">
              <a:buNone/>
              <a:defRPr sz="1100"/>
            </a:lvl1pPr>
            <a:lvl2pPr marL="180000" indent="0">
              <a:buNone/>
              <a:defRPr sz="1100"/>
            </a:lvl2pPr>
            <a:lvl3pPr marL="360000" indent="0">
              <a:buNone/>
              <a:defRPr sz="1100"/>
            </a:lvl3pPr>
            <a:lvl4pPr>
              <a:buNone/>
              <a:defRPr sz="1100"/>
            </a:lvl4pPr>
            <a:lvl5pPr>
              <a:buNone/>
              <a:defRPr sz="1100"/>
            </a:lvl5pPr>
          </a:lstStyle>
          <a:p>
            <a:pPr lvl="0"/>
            <a:r>
              <a:rPr lang="en-GB" dirty="0"/>
              <a:t>Copy icon, </a:t>
            </a:r>
            <a:br>
              <a:rPr lang="en-GB" dirty="0"/>
            </a:br>
            <a:r>
              <a:rPr lang="en-GB" dirty="0"/>
              <a:t>click on this </a:t>
            </a:r>
            <a:br>
              <a:rPr lang="en-GB" dirty="0"/>
            </a:br>
            <a:r>
              <a:rPr lang="en-GB" dirty="0"/>
              <a:t>placeholders’ </a:t>
            </a:r>
            <a:br>
              <a:rPr lang="en-GB" dirty="0"/>
            </a:br>
            <a:r>
              <a:rPr lang="en-GB" dirty="0"/>
              <a:t>frame and paste</a:t>
            </a:r>
            <a:br>
              <a:rPr lang="en-GB" dirty="0"/>
            </a:br>
            <a:r>
              <a:rPr lang="en-GB" dirty="0"/>
              <a:t>Left align with </a:t>
            </a:r>
            <a:br>
              <a:rPr lang="en-GB" dirty="0"/>
            </a:br>
            <a:r>
              <a:rPr lang="en-GB" dirty="0"/>
              <a:t>text under</a:t>
            </a:r>
          </a:p>
        </p:txBody>
      </p:sp>
      <p:sp>
        <p:nvSpPr>
          <p:cNvPr id="28" name="Content Placeholder 27">
            <a:extLst>
              <a:ext uri="{FF2B5EF4-FFF2-40B4-BE49-F238E27FC236}">
                <a16:creationId xmlns:a16="http://schemas.microsoft.com/office/drawing/2014/main" id="{0C19EADF-D75D-42F9-B93F-7DA40BC7B7D8}"/>
              </a:ext>
            </a:extLst>
          </p:cNvPr>
          <p:cNvSpPr>
            <a:spLocks noGrp="1" noChangeAspect="1"/>
          </p:cNvSpPr>
          <p:nvPr>
            <p:ph sz="quarter" idx="32" hasCustomPrompt="1"/>
          </p:nvPr>
        </p:nvSpPr>
        <p:spPr>
          <a:xfrm>
            <a:off x="3337200" y="1522800"/>
            <a:ext cx="763200" cy="763200"/>
          </a:xfrm>
        </p:spPr>
        <p:txBody>
          <a:bodyPr wrap="none" lIns="864000"/>
          <a:lstStyle>
            <a:lvl1pPr marL="0" indent="0">
              <a:buNone/>
              <a:defRPr sz="1100"/>
            </a:lvl1pPr>
            <a:lvl2pPr marL="180000" indent="0">
              <a:buNone/>
              <a:defRPr sz="1100"/>
            </a:lvl2pPr>
            <a:lvl3pPr marL="360000" indent="0">
              <a:buNone/>
              <a:defRPr sz="1100"/>
            </a:lvl3pPr>
            <a:lvl4pPr>
              <a:buNone/>
              <a:defRPr sz="1100"/>
            </a:lvl4pPr>
            <a:lvl5pPr>
              <a:buNone/>
              <a:defRPr sz="1100"/>
            </a:lvl5pPr>
          </a:lstStyle>
          <a:p>
            <a:pPr lvl="0"/>
            <a:r>
              <a:rPr lang="en-GB" dirty="0"/>
              <a:t>Copy icon, </a:t>
            </a:r>
            <a:br>
              <a:rPr lang="en-GB" dirty="0"/>
            </a:br>
            <a:r>
              <a:rPr lang="en-GB" dirty="0"/>
              <a:t>click on this </a:t>
            </a:r>
            <a:br>
              <a:rPr lang="en-GB" dirty="0"/>
            </a:br>
            <a:r>
              <a:rPr lang="en-GB" dirty="0"/>
              <a:t>placeholders’ </a:t>
            </a:r>
            <a:br>
              <a:rPr lang="en-GB" dirty="0"/>
            </a:br>
            <a:r>
              <a:rPr lang="en-GB" dirty="0"/>
              <a:t>frame and paste</a:t>
            </a:r>
            <a:br>
              <a:rPr lang="en-GB" dirty="0"/>
            </a:br>
            <a:r>
              <a:rPr lang="en-GB" dirty="0"/>
              <a:t>Left align with </a:t>
            </a:r>
            <a:br>
              <a:rPr lang="en-GB" dirty="0"/>
            </a:br>
            <a:r>
              <a:rPr lang="en-GB" dirty="0"/>
              <a:t>text under</a:t>
            </a:r>
          </a:p>
        </p:txBody>
      </p:sp>
      <p:sp>
        <p:nvSpPr>
          <p:cNvPr id="30" name="Content Placeholder 29">
            <a:extLst>
              <a:ext uri="{FF2B5EF4-FFF2-40B4-BE49-F238E27FC236}">
                <a16:creationId xmlns:a16="http://schemas.microsoft.com/office/drawing/2014/main" id="{630D7618-6CF7-4C05-AC7B-30A23F391BD0}"/>
              </a:ext>
            </a:extLst>
          </p:cNvPr>
          <p:cNvSpPr>
            <a:spLocks noGrp="1" noChangeAspect="1"/>
          </p:cNvSpPr>
          <p:nvPr>
            <p:ph sz="quarter" idx="33" hasCustomPrompt="1"/>
          </p:nvPr>
        </p:nvSpPr>
        <p:spPr>
          <a:xfrm>
            <a:off x="6292800" y="1522800"/>
            <a:ext cx="763200" cy="763200"/>
          </a:xfrm>
        </p:spPr>
        <p:txBody>
          <a:bodyPr wrap="none" lIns="864000"/>
          <a:lstStyle>
            <a:lvl1pPr marL="0" indent="0">
              <a:buNone/>
              <a:defRPr sz="1100"/>
            </a:lvl1pPr>
            <a:lvl2pPr marL="180000" indent="0">
              <a:buNone/>
              <a:defRPr sz="1100"/>
            </a:lvl2pPr>
            <a:lvl3pPr marL="360000" indent="0">
              <a:buNone/>
              <a:defRPr sz="1100"/>
            </a:lvl3pPr>
            <a:lvl4pPr>
              <a:buNone/>
              <a:defRPr sz="1100"/>
            </a:lvl4pPr>
            <a:lvl5pPr>
              <a:buNone/>
              <a:defRPr sz="1100"/>
            </a:lvl5pPr>
          </a:lstStyle>
          <a:p>
            <a:pPr lvl="0"/>
            <a:r>
              <a:rPr lang="en-GB" dirty="0"/>
              <a:t>Copy icon, </a:t>
            </a:r>
            <a:br>
              <a:rPr lang="en-GB" dirty="0"/>
            </a:br>
            <a:r>
              <a:rPr lang="en-GB" dirty="0"/>
              <a:t>click on this </a:t>
            </a:r>
            <a:br>
              <a:rPr lang="en-GB" dirty="0"/>
            </a:br>
            <a:r>
              <a:rPr lang="en-GB" dirty="0"/>
              <a:t>placeholders’ </a:t>
            </a:r>
            <a:br>
              <a:rPr lang="en-GB" dirty="0"/>
            </a:br>
            <a:r>
              <a:rPr lang="en-GB" dirty="0"/>
              <a:t>frame and paste</a:t>
            </a:r>
            <a:br>
              <a:rPr lang="en-GB" dirty="0"/>
            </a:br>
            <a:r>
              <a:rPr lang="en-GB" dirty="0"/>
              <a:t>Left align with </a:t>
            </a:r>
            <a:br>
              <a:rPr lang="en-GB" dirty="0"/>
            </a:br>
            <a:r>
              <a:rPr lang="en-GB" dirty="0"/>
              <a:t>text under</a:t>
            </a:r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5A2E752A-F32B-483C-9B10-A4ED0125ACA5}"/>
              </a:ext>
            </a:extLst>
          </p:cNvPr>
          <p:cNvSpPr>
            <a:spLocks noGrp="1" noChangeAspect="1"/>
          </p:cNvSpPr>
          <p:nvPr>
            <p:ph sz="quarter" idx="34" hasCustomPrompt="1"/>
          </p:nvPr>
        </p:nvSpPr>
        <p:spPr>
          <a:xfrm>
            <a:off x="9248400" y="1522800"/>
            <a:ext cx="763200" cy="763200"/>
          </a:xfrm>
        </p:spPr>
        <p:txBody>
          <a:bodyPr wrap="none" lIns="864000"/>
          <a:lstStyle>
            <a:lvl1pPr marL="0" indent="0">
              <a:buNone/>
              <a:defRPr sz="1100"/>
            </a:lvl1pPr>
            <a:lvl2pPr marL="180000" indent="0">
              <a:buNone/>
              <a:defRPr sz="1100"/>
            </a:lvl2pPr>
            <a:lvl3pPr marL="360000" indent="0">
              <a:buNone/>
              <a:defRPr sz="1100"/>
            </a:lvl3pPr>
            <a:lvl4pPr>
              <a:buNone/>
              <a:defRPr sz="1100"/>
            </a:lvl4pPr>
            <a:lvl5pPr>
              <a:buNone/>
              <a:defRPr sz="1100"/>
            </a:lvl5pPr>
          </a:lstStyle>
          <a:p>
            <a:pPr lvl="0"/>
            <a:r>
              <a:rPr lang="en-GB" dirty="0"/>
              <a:t>Copy icon, </a:t>
            </a:r>
            <a:br>
              <a:rPr lang="en-GB" dirty="0"/>
            </a:br>
            <a:r>
              <a:rPr lang="en-GB" dirty="0"/>
              <a:t>click on this </a:t>
            </a:r>
            <a:br>
              <a:rPr lang="en-GB" dirty="0"/>
            </a:br>
            <a:r>
              <a:rPr lang="en-GB" dirty="0"/>
              <a:t>placeholders’ </a:t>
            </a:r>
            <a:br>
              <a:rPr lang="en-GB" dirty="0"/>
            </a:br>
            <a:r>
              <a:rPr lang="en-GB" dirty="0"/>
              <a:t>frame and paste</a:t>
            </a:r>
            <a:br>
              <a:rPr lang="en-GB" dirty="0"/>
            </a:br>
            <a:r>
              <a:rPr lang="en-GB" dirty="0"/>
              <a:t>Left align with </a:t>
            </a:r>
            <a:br>
              <a:rPr lang="en-GB" dirty="0"/>
            </a:br>
            <a:r>
              <a:rPr lang="en-GB" dirty="0"/>
              <a:t>text under</a:t>
            </a:r>
          </a:p>
        </p:txBody>
      </p:sp>
      <p:sp>
        <p:nvSpPr>
          <p:cNvPr id="37" name="Text Placeholder 37">
            <a:extLst>
              <a:ext uri="{FF2B5EF4-FFF2-40B4-BE49-F238E27FC236}">
                <a16:creationId xmlns:a16="http://schemas.microsoft.com/office/drawing/2014/main" id="{7EC3059A-76AD-439F-83BC-EF67DD173DC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2952850" y="1522800"/>
            <a:ext cx="12700" cy="4190400"/>
          </a:xfrm>
          <a:solidFill>
            <a:schemeClr val="tx1"/>
          </a:solidFill>
        </p:spPr>
        <p:txBody>
          <a:bodyPr/>
          <a:lstStyle>
            <a:lvl1pPr marL="0" indent="0">
              <a:buFontTx/>
              <a:buNone/>
              <a:defRPr sz="600">
                <a:noFill/>
              </a:defRPr>
            </a:lvl1pPr>
            <a:lvl2pPr marL="180000" indent="0">
              <a:buFontTx/>
              <a:buNone/>
              <a:defRPr sz="600">
                <a:noFill/>
              </a:defRPr>
            </a:lvl2pPr>
            <a:lvl3pPr marL="360000" indent="0">
              <a:buFontTx/>
              <a:buNone/>
              <a:defRPr sz="600">
                <a:noFill/>
              </a:defRPr>
            </a:lvl3pPr>
            <a:lvl4pPr>
              <a:buFontTx/>
              <a:buNone/>
              <a:defRPr sz="600">
                <a:noFill/>
              </a:defRPr>
            </a:lvl4pPr>
            <a:lvl5pPr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38" name="Text Placeholder 39">
            <a:extLst>
              <a:ext uri="{FF2B5EF4-FFF2-40B4-BE49-F238E27FC236}">
                <a16:creationId xmlns:a16="http://schemas.microsoft.com/office/drawing/2014/main" id="{CC5BA31D-694B-4AF6-903C-5C7CB53A092C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5912050" y="1522800"/>
            <a:ext cx="12700" cy="4190400"/>
          </a:xfrm>
          <a:solidFill>
            <a:schemeClr val="tx1"/>
          </a:solidFill>
        </p:spPr>
        <p:txBody>
          <a:bodyPr/>
          <a:lstStyle>
            <a:lvl1pPr marL="0" indent="0">
              <a:buFontTx/>
              <a:buNone/>
              <a:defRPr sz="600">
                <a:noFill/>
              </a:defRPr>
            </a:lvl1pPr>
            <a:lvl2pPr marL="180000" indent="0">
              <a:buFontTx/>
              <a:buNone/>
              <a:defRPr sz="600">
                <a:noFill/>
              </a:defRPr>
            </a:lvl2pPr>
            <a:lvl3pPr marL="360000" indent="0">
              <a:buFontTx/>
              <a:buNone/>
              <a:defRPr sz="600">
                <a:noFill/>
              </a:defRPr>
            </a:lvl3pPr>
            <a:lvl4pPr>
              <a:buFontTx/>
              <a:buNone/>
              <a:defRPr sz="600">
                <a:noFill/>
              </a:defRPr>
            </a:lvl4pPr>
            <a:lvl5pPr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39" name="Text Placeholder 41">
            <a:extLst>
              <a:ext uri="{FF2B5EF4-FFF2-40B4-BE49-F238E27FC236}">
                <a16:creationId xmlns:a16="http://schemas.microsoft.com/office/drawing/2014/main" id="{D773BC7E-0105-4D2D-867F-75B853AB8A6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8866644" y="1522800"/>
            <a:ext cx="12700" cy="4190400"/>
          </a:xfrm>
          <a:solidFill>
            <a:schemeClr val="tx1"/>
          </a:solidFill>
        </p:spPr>
        <p:txBody>
          <a:bodyPr/>
          <a:lstStyle>
            <a:lvl1pPr marL="0" indent="0">
              <a:buFontTx/>
              <a:buNone/>
              <a:defRPr sz="600">
                <a:noFill/>
              </a:defRPr>
            </a:lvl1pPr>
            <a:lvl2pPr marL="180000" indent="0">
              <a:buFontTx/>
              <a:buNone/>
              <a:defRPr sz="600">
                <a:noFill/>
              </a:defRPr>
            </a:lvl2pPr>
            <a:lvl3pPr marL="360000" indent="0">
              <a:buFontTx/>
              <a:buNone/>
              <a:defRPr sz="600">
                <a:noFill/>
              </a:defRPr>
            </a:lvl3pPr>
            <a:lvl4pPr>
              <a:buFontTx/>
              <a:buNone/>
              <a:defRPr sz="600">
                <a:noFill/>
              </a:defRPr>
            </a:lvl4pPr>
            <a:lvl5pPr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0" name="Text Placeholder 21">
            <a:extLst>
              <a:ext uri="{FF2B5EF4-FFF2-40B4-BE49-F238E27FC236}">
                <a16:creationId xmlns:a16="http://schemas.microsoft.com/office/drawing/2014/main" id="{3071784A-C8C9-4629-A5EE-7C32F685602B}"/>
              </a:ext>
            </a:extLst>
          </p:cNvPr>
          <p:cNvSpPr>
            <a:spLocks noGrp="1" noChangeAspect="1"/>
          </p:cNvSpPr>
          <p:nvPr>
            <p:ph type="body" sz="quarter" idx="23" hasCustomPrompt="1"/>
          </p:nvPr>
        </p:nvSpPr>
        <p:spPr>
          <a:xfrm>
            <a:off x="381600" y="6285600"/>
            <a:ext cx="1042200" cy="1908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6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B836D199-C9CC-4985-AAC1-54E34054D8C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38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48E34CE-AAB8-4029-A91D-00D3DE49ED6B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B1B49DF-7251-449A-9488-E7C771FC5404}"/>
              </a:ext>
            </a:extLst>
          </p:cNvPr>
          <p:cNvSpPr>
            <a:spLocks noGrp="1"/>
          </p:cNvSpPr>
          <p:nvPr>
            <p:ph type="sldNum" sz="quarter" idx="4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123918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: Icons and Tex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C76061D2-DD90-4428-884C-A041AF24735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6476400" cy="7632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522D53E2-1073-4646-88DD-616BCF2C5E1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81600" y="2667600"/>
            <a:ext cx="2188800" cy="3049200"/>
          </a:xfrm>
          <a:noFill/>
        </p:spPr>
        <p:txBody>
          <a:bodyPr lIns="0" tIns="0" rIns="0" bIns="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b="1">
                <a:solidFill>
                  <a:schemeClr val="accent1"/>
                </a:solidFill>
              </a:defRPr>
            </a:lvl1pPr>
            <a:lvl2pPr marL="144000" indent="-144000">
              <a:spcBef>
                <a:spcPts val="600"/>
              </a:spcBef>
              <a:spcAft>
                <a:spcPts val="0"/>
              </a:spcAft>
              <a:buFont typeface="Wingdings" panose="05000000000000000000" pitchFamily="2" charset="2"/>
              <a:buChar char="§"/>
              <a:defRPr sz="1400">
                <a:solidFill>
                  <a:schemeClr val="accent1"/>
                </a:solidFill>
              </a:defRPr>
            </a:lvl2pPr>
            <a:lvl3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B2F024ED-E21A-477B-A821-E7F85A2BB8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337200" y="2667600"/>
            <a:ext cx="2188800" cy="3049200"/>
          </a:xfrm>
          <a:noFill/>
        </p:spPr>
        <p:txBody>
          <a:bodyPr lIns="0" tIns="0" rIns="0" bIns="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b="1">
                <a:solidFill>
                  <a:schemeClr val="accent1"/>
                </a:solidFill>
              </a:defRPr>
            </a:lvl1pPr>
            <a:lvl2pPr marL="144000" indent="-144000">
              <a:spcBef>
                <a:spcPts val="600"/>
              </a:spcBef>
              <a:spcAft>
                <a:spcPts val="0"/>
              </a:spcAft>
              <a:buFont typeface="Wingdings" panose="05000000000000000000" pitchFamily="2" charset="2"/>
              <a:buChar char="§"/>
              <a:defRPr sz="1400">
                <a:solidFill>
                  <a:schemeClr val="accent1"/>
                </a:solidFill>
              </a:defRPr>
            </a:lvl2pPr>
            <a:lvl3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BDBF2D4-D010-4E51-95B8-DCBFAF31E73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92800" y="2667600"/>
            <a:ext cx="2188800" cy="3049200"/>
          </a:xfrm>
          <a:noFill/>
        </p:spPr>
        <p:txBody>
          <a:bodyPr lIns="0" tIns="0" rIns="0" bIns="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b="1">
                <a:solidFill>
                  <a:schemeClr val="accent1"/>
                </a:solidFill>
              </a:defRPr>
            </a:lvl1pPr>
            <a:lvl2pPr marL="144000" indent="-144000">
              <a:spcBef>
                <a:spcPts val="600"/>
              </a:spcBef>
              <a:spcAft>
                <a:spcPts val="0"/>
              </a:spcAft>
              <a:buFont typeface="Wingdings" panose="05000000000000000000" pitchFamily="2" charset="2"/>
              <a:buChar char="§"/>
              <a:defRPr sz="1400">
                <a:solidFill>
                  <a:schemeClr val="accent1"/>
                </a:solidFill>
              </a:defRPr>
            </a:lvl2pPr>
            <a:lvl3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17" name="Text Placeholder 19">
            <a:extLst>
              <a:ext uri="{FF2B5EF4-FFF2-40B4-BE49-F238E27FC236}">
                <a16:creationId xmlns:a16="http://schemas.microsoft.com/office/drawing/2014/main" id="{CFA49303-64FB-4979-9405-E9B8E372010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248400" y="2667600"/>
            <a:ext cx="2188800" cy="3049200"/>
          </a:xfrm>
          <a:noFill/>
        </p:spPr>
        <p:txBody>
          <a:bodyPr lIns="0" tIns="0" rIns="0" bIns="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b="1">
                <a:solidFill>
                  <a:schemeClr val="accent1"/>
                </a:solidFill>
              </a:defRPr>
            </a:lvl1pPr>
            <a:lvl2pPr marL="144000" indent="-144000">
              <a:spcBef>
                <a:spcPts val="600"/>
              </a:spcBef>
              <a:spcAft>
                <a:spcPts val="0"/>
              </a:spcAft>
              <a:buFont typeface="Wingdings" panose="05000000000000000000" pitchFamily="2" charset="2"/>
              <a:buChar char="§"/>
              <a:defRPr sz="1400">
                <a:solidFill>
                  <a:schemeClr val="accent1"/>
                </a:solidFill>
              </a:defRPr>
            </a:lvl2pPr>
            <a:lvl3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26" name="Content Placeholder 25">
            <a:extLst>
              <a:ext uri="{FF2B5EF4-FFF2-40B4-BE49-F238E27FC236}">
                <a16:creationId xmlns:a16="http://schemas.microsoft.com/office/drawing/2014/main" id="{56D12F4F-59DA-4F8E-8139-54B98F195844}"/>
              </a:ext>
            </a:extLst>
          </p:cNvPr>
          <p:cNvSpPr>
            <a:spLocks noGrp="1" noChangeAspect="1"/>
          </p:cNvSpPr>
          <p:nvPr>
            <p:ph sz="quarter" idx="31" hasCustomPrompt="1"/>
          </p:nvPr>
        </p:nvSpPr>
        <p:spPr>
          <a:xfrm>
            <a:off x="381600" y="1522800"/>
            <a:ext cx="763200" cy="763200"/>
          </a:xfrm>
        </p:spPr>
        <p:txBody>
          <a:bodyPr wrap="none" lIns="864000"/>
          <a:lstStyle>
            <a:lvl1pPr marL="0" indent="0">
              <a:buNone/>
              <a:defRPr sz="1100">
                <a:solidFill>
                  <a:schemeClr val="accent1"/>
                </a:solidFill>
              </a:defRPr>
            </a:lvl1pPr>
            <a:lvl2pPr marL="180000" indent="0">
              <a:buNone/>
              <a:defRPr sz="1100"/>
            </a:lvl2pPr>
            <a:lvl3pPr marL="360000" indent="0">
              <a:buNone/>
              <a:defRPr sz="1100"/>
            </a:lvl3pPr>
            <a:lvl4pPr>
              <a:buNone/>
              <a:defRPr sz="1100"/>
            </a:lvl4pPr>
            <a:lvl5pPr>
              <a:buNone/>
              <a:defRPr sz="1100"/>
            </a:lvl5pPr>
          </a:lstStyle>
          <a:p>
            <a:pPr lvl="0"/>
            <a:r>
              <a:rPr lang="en-GB" dirty="0"/>
              <a:t>Copy icon, </a:t>
            </a:r>
            <a:br>
              <a:rPr lang="en-GB" dirty="0"/>
            </a:br>
            <a:r>
              <a:rPr lang="en-GB" dirty="0"/>
              <a:t>click on this </a:t>
            </a:r>
            <a:br>
              <a:rPr lang="en-GB" dirty="0"/>
            </a:br>
            <a:r>
              <a:rPr lang="en-GB" dirty="0"/>
              <a:t>placeholders’ </a:t>
            </a:r>
            <a:br>
              <a:rPr lang="en-GB" dirty="0"/>
            </a:br>
            <a:r>
              <a:rPr lang="en-GB" dirty="0"/>
              <a:t>frame and paste</a:t>
            </a:r>
            <a:br>
              <a:rPr lang="en-GB" dirty="0"/>
            </a:br>
            <a:r>
              <a:rPr lang="en-GB" dirty="0"/>
              <a:t>Left align with </a:t>
            </a:r>
            <a:br>
              <a:rPr lang="en-GB" dirty="0"/>
            </a:br>
            <a:r>
              <a:rPr lang="en-GB" dirty="0"/>
              <a:t>text under</a:t>
            </a:r>
          </a:p>
        </p:txBody>
      </p:sp>
      <p:sp>
        <p:nvSpPr>
          <p:cNvPr id="28" name="Content Placeholder 27">
            <a:extLst>
              <a:ext uri="{FF2B5EF4-FFF2-40B4-BE49-F238E27FC236}">
                <a16:creationId xmlns:a16="http://schemas.microsoft.com/office/drawing/2014/main" id="{0C19EADF-D75D-42F9-B93F-7DA40BC7B7D8}"/>
              </a:ext>
            </a:extLst>
          </p:cNvPr>
          <p:cNvSpPr>
            <a:spLocks noGrp="1" noChangeAspect="1"/>
          </p:cNvSpPr>
          <p:nvPr>
            <p:ph sz="quarter" idx="32" hasCustomPrompt="1"/>
          </p:nvPr>
        </p:nvSpPr>
        <p:spPr>
          <a:xfrm>
            <a:off x="3337200" y="1522800"/>
            <a:ext cx="763200" cy="763200"/>
          </a:xfrm>
        </p:spPr>
        <p:txBody>
          <a:bodyPr wrap="none" lIns="864000"/>
          <a:lstStyle>
            <a:lvl1pPr marL="0" indent="0">
              <a:buNone/>
              <a:defRPr sz="1100">
                <a:solidFill>
                  <a:schemeClr val="accent1"/>
                </a:solidFill>
              </a:defRPr>
            </a:lvl1pPr>
            <a:lvl2pPr marL="180000" indent="0">
              <a:buNone/>
              <a:defRPr sz="1100"/>
            </a:lvl2pPr>
            <a:lvl3pPr marL="360000" indent="0">
              <a:buNone/>
              <a:defRPr sz="1100"/>
            </a:lvl3pPr>
            <a:lvl4pPr>
              <a:buNone/>
              <a:defRPr sz="1100"/>
            </a:lvl4pPr>
            <a:lvl5pPr>
              <a:buNone/>
              <a:defRPr sz="1100"/>
            </a:lvl5pPr>
          </a:lstStyle>
          <a:p>
            <a:pPr lvl="0"/>
            <a:r>
              <a:rPr lang="en-GB" dirty="0"/>
              <a:t>Copy icon, </a:t>
            </a:r>
            <a:br>
              <a:rPr lang="en-GB" dirty="0"/>
            </a:br>
            <a:r>
              <a:rPr lang="en-GB" dirty="0"/>
              <a:t>click on this </a:t>
            </a:r>
            <a:br>
              <a:rPr lang="en-GB" dirty="0"/>
            </a:br>
            <a:r>
              <a:rPr lang="en-GB" dirty="0"/>
              <a:t>placeholders’ </a:t>
            </a:r>
            <a:br>
              <a:rPr lang="en-GB" dirty="0"/>
            </a:br>
            <a:r>
              <a:rPr lang="en-GB" dirty="0"/>
              <a:t>frame and paste</a:t>
            </a:r>
            <a:br>
              <a:rPr lang="en-GB" dirty="0"/>
            </a:br>
            <a:r>
              <a:rPr lang="en-GB" dirty="0"/>
              <a:t>Left align with </a:t>
            </a:r>
            <a:br>
              <a:rPr lang="en-GB" dirty="0"/>
            </a:br>
            <a:r>
              <a:rPr lang="en-GB" dirty="0"/>
              <a:t>text under</a:t>
            </a:r>
          </a:p>
        </p:txBody>
      </p:sp>
      <p:sp>
        <p:nvSpPr>
          <p:cNvPr id="30" name="Content Placeholder 29">
            <a:extLst>
              <a:ext uri="{FF2B5EF4-FFF2-40B4-BE49-F238E27FC236}">
                <a16:creationId xmlns:a16="http://schemas.microsoft.com/office/drawing/2014/main" id="{630D7618-6CF7-4C05-AC7B-30A23F391BD0}"/>
              </a:ext>
            </a:extLst>
          </p:cNvPr>
          <p:cNvSpPr>
            <a:spLocks noGrp="1" noChangeAspect="1"/>
          </p:cNvSpPr>
          <p:nvPr>
            <p:ph sz="quarter" idx="33" hasCustomPrompt="1"/>
          </p:nvPr>
        </p:nvSpPr>
        <p:spPr>
          <a:xfrm>
            <a:off x="6292800" y="1522800"/>
            <a:ext cx="763200" cy="763200"/>
          </a:xfrm>
        </p:spPr>
        <p:txBody>
          <a:bodyPr wrap="none" lIns="864000"/>
          <a:lstStyle>
            <a:lvl1pPr marL="0" indent="0">
              <a:buNone/>
              <a:defRPr sz="1100">
                <a:solidFill>
                  <a:schemeClr val="accent1"/>
                </a:solidFill>
              </a:defRPr>
            </a:lvl1pPr>
            <a:lvl2pPr marL="180000" indent="0">
              <a:buNone/>
              <a:defRPr sz="1100"/>
            </a:lvl2pPr>
            <a:lvl3pPr marL="360000" indent="0">
              <a:buNone/>
              <a:defRPr sz="1100"/>
            </a:lvl3pPr>
            <a:lvl4pPr>
              <a:buNone/>
              <a:defRPr sz="1100"/>
            </a:lvl4pPr>
            <a:lvl5pPr>
              <a:buNone/>
              <a:defRPr sz="1100"/>
            </a:lvl5pPr>
          </a:lstStyle>
          <a:p>
            <a:pPr lvl="0"/>
            <a:r>
              <a:rPr lang="en-GB" dirty="0"/>
              <a:t>Copy icon, </a:t>
            </a:r>
            <a:br>
              <a:rPr lang="en-GB" dirty="0"/>
            </a:br>
            <a:r>
              <a:rPr lang="en-GB" dirty="0"/>
              <a:t>click on this </a:t>
            </a:r>
            <a:br>
              <a:rPr lang="en-GB" dirty="0"/>
            </a:br>
            <a:r>
              <a:rPr lang="en-GB" dirty="0"/>
              <a:t>placeholders’ </a:t>
            </a:r>
            <a:br>
              <a:rPr lang="en-GB" dirty="0"/>
            </a:br>
            <a:r>
              <a:rPr lang="en-GB" dirty="0"/>
              <a:t>frame and paste</a:t>
            </a:r>
            <a:br>
              <a:rPr lang="en-GB" dirty="0"/>
            </a:br>
            <a:r>
              <a:rPr lang="en-GB" dirty="0"/>
              <a:t>Left align with </a:t>
            </a:r>
            <a:br>
              <a:rPr lang="en-GB" dirty="0"/>
            </a:br>
            <a:r>
              <a:rPr lang="en-GB" dirty="0"/>
              <a:t>text under</a:t>
            </a:r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5A2E752A-F32B-483C-9B10-A4ED0125ACA5}"/>
              </a:ext>
            </a:extLst>
          </p:cNvPr>
          <p:cNvSpPr>
            <a:spLocks noGrp="1" noChangeAspect="1"/>
          </p:cNvSpPr>
          <p:nvPr>
            <p:ph sz="quarter" idx="34" hasCustomPrompt="1"/>
          </p:nvPr>
        </p:nvSpPr>
        <p:spPr>
          <a:xfrm>
            <a:off x="9248400" y="1522800"/>
            <a:ext cx="763200" cy="763200"/>
          </a:xfrm>
        </p:spPr>
        <p:txBody>
          <a:bodyPr wrap="none" lIns="864000"/>
          <a:lstStyle>
            <a:lvl1pPr marL="0" indent="0">
              <a:buNone/>
              <a:defRPr sz="1100">
                <a:solidFill>
                  <a:schemeClr val="accent1"/>
                </a:solidFill>
              </a:defRPr>
            </a:lvl1pPr>
            <a:lvl2pPr marL="180000" indent="0">
              <a:buNone/>
              <a:defRPr sz="1100"/>
            </a:lvl2pPr>
            <a:lvl3pPr marL="360000" indent="0">
              <a:buNone/>
              <a:defRPr sz="1100"/>
            </a:lvl3pPr>
            <a:lvl4pPr>
              <a:buNone/>
              <a:defRPr sz="1100"/>
            </a:lvl4pPr>
            <a:lvl5pPr>
              <a:buNone/>
              <a:defRPr sz="1100"/>
            </a:lvl5pPr>
          </a:lstStyle>
          <a:p>
            <a:pPr lvl="0"/>
            <a:r>
              <a:rPr lang="en-GB" dirty="0"/>
              <a:t>Copy icon, </a:t>
            </a:r>
            <a:br>
              <a:rPr lang="en-GB" dirty="0"/>
            </a:br>
            <a:r>
              <a:rPr lang="en-GB" dirty="0"/>
              <a:t>click on this </a:t>
            </a:r>
            <a:br>
              <a:rPr lang="en-GB" dirty="0"/>
            </a:br>
            <a:r>
              <a:rPr lang="en-GB" dirty="0"/>
              <a:t>placeholders’ </a:t>
            </a:r>
            <a:br>
              <a:rPr lang="en-GB" dirty="0"/>
            </a:br>
            <a:r>
              <a:rPr lang="en-GB" dirty="0"/>
              <a:t>frame and paste</a:t>
            </a:r>
            <a:br>
              <a:rPr lang="en-GB" dirty="0"/>
            </a:br>
            <a:r>
              <a:rPr lang="en-GB" dirty="0"/>
              <a:t>Left align with </a:t>
            </a:r>
            <a:br>
              <a:rPr lang="en-GB" dirty="0"/>
            </a:br>
            <a:r>
              <a:rPr lang="en-GB" dirty="0"/>
              <a:t>text under</a:t>
            </a:r>
          </a:p>
        </p:txBody>
      </p:sp>
      <p:sp>
        <p:nvSpPr>
          <p:cNvPr id="20" name="Text Placeholder 37">
            <a:extLst>
              <a:ext uri="{FF2B5EF4-FFF2-40B4-BE49-F238E27FC236}">
                <a16:creationId xmlns:a16="http://schemas.microsoft.com/office/drawing/2014/main" id="{80266E4F-5E07-4CBC-8BC6-E9581225C539}"/>
              </a:ext>
            </a:extLst>
          </p:cNvPr>
          <p:cNvSpPr txBox="1">
            <a:spLocks/>
          </p:cNvSpPr>
          <p:nvPr userDrawn="1"/>
        </p:nvSpPr>
        <p:spPr>
          <a:xfrm>
            <a:off x="2952850" y="1522800"/>
            <a:ext cx="12700" cy="4190400"/>
          </a:xfrm>
          <a:prstGeom prst="rect">
            <a:avLst/>
          </a:prstGeom>
          <a:solidFill>
            <a:srgbClr val="D20014"/>
          </a:solidFill>
        </p:spPr>
        <p:txBody>
          <a:bodyPr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defRPr sz="600" kern="1200">
                <a:noFill/>
                <a:latin typeface="+mn-lt"/>
                <a:ea typeface="+mn-ea"/>
                <a:cs typeface="+mn-cs"/>
              </a:defRPr>
            </a:lvl1pPr>
            <a:lvl2pPr marL="18000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defRPr sz="600" kern="1200">
                <a:noFill/>
                <a:latin typeface="+mn-lt"/>
                <a:ea typeface="+mn-ea"/>
                <a:cs typeface="+mn-cs"/>
              </a:defRPr>
            </a:lvl2pPr>
            <a:lvl3pPr marL="36000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defRPr sz="600" kern="1200">
                <a:noFill/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Tx/>
              <a:buNone/>
              <a:defRPr sz="600" b="1" kern="1200">
                <a:noFill/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/>
              <a:defRPr sz="600" kern="1200">
                <a:noFill/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.</a:t>
            </a:r>
          </a:p>
        </p:txBody>
      </p:sp>
      <p:sp>
        <p:nvSpPr>
          <p:cNvPr id="21" name="Text Placeholder 39">
            <a:extLst>
              <a:ext uri="{FF2B5EF4-FFF2-40B4-BE49-F238E27FC236}">
                <a16:creationId xmlns:a16="http://schemas.microsoft.com/office/drawing/2014/main" id="{D7EA1E37-F1D8-497D-8EFD-017F322C51D8}"/>
              </a:ext>
            </a:extLst>
          </p:cNvPr>
          <p:cNvSpPr txBox="1">
            <a:spLocks/>
          </p:cNvSpPr>
          <p:nvPr userDrawn="1"/>
        </p:nvSpPr>
        <p:spPr>
          <a:xfrm>
            <a:off x="5912050" y="1522800"/>
            <a:ext cx="12700" cy="4190400"/>
          </a:xfrm>
          <a:prstGeom prst="rect">
            <a:avLst/>
          </a:prstGeom>
          <a:solidFill>
            <a:srgbClr val="D20014"/>
          </a:solidFill>
        </p:spPr>
        <p:txBody>
          <a:bodyPr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defRPr sz="600" kern="1200">
                <a:noFill/>
                <a:latin typeface="+mn-lt"/>
                <a:ea typeface="+mn-ea"/>
                <a:cs typeface="+mn-cs"/>
              </a:defRPr>
            </a:lvl1pPr>
            <a:lvl2pPr marL="18000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defRPr sz="600" kern="1200">
                <a:noFill/>
                <a:latin typeface="+mn-lt"/>
                <a:ea typeface="+mn-ea"/>
                <a:cs typeface="+mn-cs"/>
              </a:defRPr>
            </a:lvl2pPr>
            <a:lvl3pPr marL="36000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defRPr sz="600" kern="1200">
                <a:noFill/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Tx/>
              <a:buNone/>
              <a:defRPr sz="600" b="1" kern="1200">
                <a:noFill/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/>
              <a:defRPr sz="600" kern="1200">
                <a:noFill/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.</a:t>
            </a:r>
          </a:p>
        </p:txBody>
      </p:sp>
      <p:sp>
        <p:nvSpPr>
          <p:cNvPr id="23" name="Text Placeholder 41">
            <a:extLst>
              <a:ext uri="{FF2B5EF4-FFF2-40B4-BE49-F238E27FC236}">
                <a16:creationId xmlns:a16="http://schemas.microsoft.com/office/drawing/2014/main" id="{7FC486CC-9843-4F56-88F5-46F2A706FE92}"/>
              </a:ext>
            </a:extLst>
          </p:cNvPr>
          <p:cNvSpPr txBox="1">
            <a:spLocks/>
          </p:cNvSpPr>
          <p:nvPr userDrawn="1"/>
        </p:nvSpPr>
        <p:spPr>
          <a:xfrm>
            <a:off x="8866644" y="1522800"/>
            <a:ext cx="12700" cy="4190400"/>
          </a:xfrm>
          <a:prstGeom prst="rect">
            <a:avLst/>
          </a:prstGeom>
          <a:solidFill>
            <a:srgbClr val="D20014"/>
          </a:solidFill>
        </p:spPr>
        <p:txBody>
          <a:bodyPr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defRPr sz="600" kern="1200">
                <a:noFill/>
                <a:latin typeface="+mn-lt"/>
                <a:ea typeface="+mn-ea"/>
                <a:cs typeface="+mn-cs"/>
              </a:defRPr>
            </a:lvl1pPr>
            <a:lvl2pPr marL="18000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defRPr sz="600" kern="1200">
                <a:noFill/>
                <a:latin typeface="+mn-lt"/>
                <a:ea typeface="+mn-ea"/>
                <a:cs typeface="+mn-cs"/>
              </a:defRPr>
            </a:lvl2pPr>
            <a:lvl3pPr marL="36000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defRPr sz="600" kern="1200">
                <a:noFill/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Tx/>
              <a:buNone/>
              <a:defRPr sz="600" b="1" kern="1200">
                <a:noFill/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/>
              <a:defRPr sz="600" kern="1200">
                <a:noFill/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.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D4C74F71-A43D-4DF2-8D45-3A8B9772399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35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6826738-3583-4158-B5F1-89195ED5AF34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D5F0756-7B06-4068-BDE3-D7AA112EBA32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277425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: Two Highlight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BDBF2D4-D010-4E51-95B8-DCBFAF31E73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762000"/>
            <a:ext cx="5904000" cy="4572000"/>
          </a:xfrm>
          <a:solidFill>
            <a:schemeClr val="bg2"/>
          </a:solidFill>
        </p:spPr>
        <p:txBody>
          <a:bodyPr lIns="381600" tIns="504000" rIns="381600" bIns="36000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rgbClr val="1AB092"/>
                </a:solidFill>
              </a:defRPr>
            </a:lvl1pPr>
            <a:lvl2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800">
                <a:solidFill>
                  <a:srgbClr val="1AB092"/>
                </a:solidFill>
              </a:defRPr>
            </a:lvl2pPr>
            <a:lvl3pPr marL="176400" indent="-176400">
              <a:spcBef>
                <a:spcPts val="600"/>
              </a:spcBef>
              <a:spcAft>
                <a:spcPts val="0"/>
              </a:spcAft>
              <a:buFont typeface="Wingdings" panose="05000000000000000000" pitchFamily="2" charset="2"/>
              <a:buChar char="§"/>
              <a:defRPr sz="1800">
                <a:solidFill>
                  <a:srgbClr val="1AB092"/>
                </a:solidFill>
              </a:defRPr>
            </a:lvl3pPr>
            <a:lvl4pPr>
              <a:defRPr>
                <a:solidFill>
                  <a:srgbClr val="1AB092"/>
                </a:solidFill>
              </a:defRPr>
            </a:lvl4pPr>
            <a:lvl5pPr>
              <a:defRPr>
                <a:solidFill>
                  <a:srgbClr val="1AB092"/>
                </a:solidFill>
              </a:defRPr>
            </a:lvl5pPr>
            <a:lvl6pPr>
              <a:buClrTx/>
              <a:defRPr>
                <a:solidFill>
                  <a:srgbClr val="1AB092"/>
                </a:solidFill>
              </a:defRPr>
            </a:lvl6pPr>
            <a:lvl7pPr>
              <a:defRPr>
                <a:solidFill>
                  <a:srgbClr val="1AB092"/>
                </a:solidFill>
              </a:defRPr>
            </a:lvl7pPr>
            <a:lvl8pPr>
              <a:defRPr>
                <a:solidFill>
                  <a:srgbClr val="1AB092"/>
                </a:solidFill>
              </a:defRPr>
            </a:lvl8pPr>
            <a:lvl9pPr>
              <a:defRPr>
                <a:solidFill>
                  <a:srgbClr val="1AB092"/>
                </a:solidFill>
              </a:defRPr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17" name="Text Placeholder 19">
            <a:extLst>
              <a:ext uri="{FF2B5EF4-FFF2-40B4-BE49-F238E27FC236}">
                <a16:creationId xmlns:a16="http://schemas.microsoft.com/office/drawing/2014/main" id="{CFA49303-64FB-4979-9405-E9B8E372010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288002" y="762000"/>
            <a:ext cx="5903998" cy="4572000"/>
          </a:xfrm>
          <a:solidFill>
            <a:srgbClr val="1AB092"/>
          </a:solidFill>
        </p:spPr>
        <p:txBody>
          <a:bodyPr lIns="381600" tIns="504000" rIns="381600" bIns="36000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1pPr>
            <a:lvl2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800">
                <a:solidFill>
                  <a:schemeClr val="bg1"/>
                </a:solidFill>
              </a:defRPr>
            </a:lvl2pPr>
            <a:lvl3pPr marL="176400" indent="-176400">
              <a:spcBef>
                <a:spcPts val="600"/>
              </a:spcBef>
              <a:spcAft>
                <a:spcPts val="0"/>
              </a:spcAft>
              <a:buFont typeface="Wingdings" panose="05000000000000000000" pitchFamily="2" charset="2"/>
              <a:buChar char="§"/>
              <a:defRPr sz="1800">
                <a:solidFill>
                  <a:schemeClr val="bg1"/>
                </a:solidFill>
              </a:defRPr>
            </a:lvl3pPr>
            <a:lvl4pPr>
              <a:buNone/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6E30B257-F253-48E2-BAA5-AE42C03EECF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37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2ED9260-72F7-46AA-A063-9046FFEB90D0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B9C4232-A4EB-4B4B-A01A-DFF8B89AA5E1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Text Placeholder 41">
            <a:extLst>
              <a:ext uri="{FF2B5EF4-FFF2-40B4-BE49-F238E27FC236}">
                <a16:creationId xmlns:a16="http://schemas.microsoft.com/office/drawing/2014/main" id="{09A96D73-B184-BC87-9F2F-F79BAFFF77BB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649200" y="559128"/>
            <a:ext cx="882000" cy="381600"/>
          </a:xfrm>
          <a:solidFill>
            <a:srgbClr val="45A6DE"/>
          </a:solidFill>
        </p:spPr>
        <p:txBody>
          <a:bodyPr/>
          <a:lstStyle>
            <a:lvl1pPr marL="0" indent="0">
              <a:buFontTx/>
              <a:buNone/>
              <a:defRPr sz="600">
                <a:noFill/>
              </a:defRPr>
            </a:lvl1pPr>
            <a:lvl2pPr marL="180000" indent="0">
              <a:buFontTx/>
              <a:buNone/>
              <a:defRPr sz="600">
                <a:noFill/>
              </a:defRPr>
            </a:lvl2pPr>
            <a:lvl3pPr marL="360000" indent="0">
              <a:buFontTx/>
              <a:buNone/>
              <a:defRPr sz="600">
                <a:noFill/>
              </a:defRPr>
            </a:lvl3pPr>
            <a:lvl4pPr>
              <a:buFontTx/>
              <a:buNone/>
              <a:defRPr sz="600">
                <a:noFill/>
              </a:defRPr>
            </a:lvl4pPr>
            <a:lvl5pPr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18526409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: Four Highlight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522D53E2-1073-4646-88DD-616BCF2C5E1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81600" y="762000"/>
            <a:ext cx="2570400" cy="4572000"/>
          </a:xfrm>
          <a:solidFill>
            <a:srgbClr val="D8D9DA"/>
          </a:solidFill>
        </p:spPr>
        <p:txBody>
          <a:bodyPr lIns="360000" tIns="504000" rIns="360000" bIns="36000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sz="3600" b="1">
                <a:solidFill>
                  <a:schemeClr val="accent4"/>
                </a:solidFill>
              </a:defRPr>
            </a:lvl1pPr>
            <a:lvl2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 sz="1400">
                <a:solidFill>
                  <a:schemeClr val="accent4"/>
                </a:solidFill>
              </a:defRPr>
            </a:lvl2pPr>
            <a:lvl3pPr marL="126000" indent="-126000">
              <a:spcBef>
                <a:spcPts val="600"/>
              </a:spcBef>
              <a:spcAft>
                <a:spcPts val="0"/>
              </a:spcAft>
              <a:buFont typeface="Wingdings" panose="05000000000000000000" pitchFamily="2" charset="2"/>
              <a:buChar char="§"/>
              <a:defRPr sz="1400">
                <a:solidFill>
                  <a:schemeClr val="accent4"/>
                </a:solidFill>
              </a:defRPr>
            </a:lvl3pPr>
            <a:lvl4pPr>
              <a:defRPr sz="1400">
                <a:solidFill>
                  <a:schemeClr val="accent4"/>
                </a:solidFill>
              </a:defRPr>
            </a:lvl4pPr>
            <a:lvl5pPr>
              <a:defRPr sz="1400">
                <a:solidFill>
                  <a:schemeClr val="accent4"/>
                </a:solidFill>
              </a:defRPr>
            </a:lvl5pPr>
            <a:lvl6pPr>
              <a:buClrTx/>
              <a:defRPr>
                <a:solidFill>
                  <a:schemeClr val="accent4"/>
                </a:solidFill>
              </a:defRPr>
            </a:lvl6pPr>
            <a:lvl7pPr>
              <a:defRPr>
                <a:solidFill>
                  <a:schemeClr val="accent4"/>
                </a:solidFill>
              </a:defRPr>
            </a:lvl7pPr>
            <a:lvl8pPr>
              <a:defRPr>
                <a:solidFill>
                  <a:schemeClr val="accent4"/>
                </a:solidFill>
              </a:defRPr>
            </a:lvl8pPr>
            <a:lvl9pPr>
              <a:defRPr>
                <a:solidFill>
                  <a:schemeClr val="accent4"/>
                </a:solidFill>
              </a:defRPr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B2F024ED-E21A-477B-A821-E7F85A2BB8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337200" y="762000"/>
            <a:ext cx="2570400" cy="4572000"/>
          </a:xfrm>
          <a:solidFill>
            <a:srgbClr val="D8D9DA"/>
          </a:solidFill>
        </p:spPr>
        <p:txBody>
          <a:bodyPr lIns="360000" tIns="504000" rIns="360000" bIns="36000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sz="3600" b="1">
                <a:solidFill>
                  <a:schemeClr val="accent4"/>
                </a:solidFill>
              </a:defRPr>
            </a:lvl1pPr>
            <a:lvl2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>
                <a:solidFill>
                  <a:schemeClr val="accent4"/>
                </a:solidFill>
              </a:defRPr>
            </a:lvl2pPr>
            <a:lvl3pPr marL="126000" indent="-126000">
              <a:spcBef>
                <a:spcPts val="600"/>
              </a:spcBef>
              <a:spcAft>
                <a:spcPts val="0"/>
              </a:spcAft>
              <a:buFont typeface="Wingdings" panose="05000000000000000000" pitchFamily="2" charset="2"/>
              <a:buChar char="§"/>
              <a:defRPr sz="1400">
                <a:solidFill>
                  <a:schemeClr val="accent4"/>
                </a:solidFill>
              </a:defRPr>
            </a:lvl3pPr>
            <a:lvl4pPr>
              <a:defRPr sz="1400">
                <a:solidFill>
                  <a:schemeClr val="accent4"/>
                </a:solidFill>
              </a:defRPr>
            </a:lvl4pPr>
            <a:lvl5pPr>
              <a:defRPr sz="1400">
                <a:solidFill>
                  <a:schemeClr val="accent4"/>
                </a:solidFill>
              </a:defRPr>
            </a:lvl5pPr>
            <a:lvl6pPr>
              <a:buClrTx/>
              <a:defRPr>
                <a:solidFill>
                  <a:schemeClr val="accent4"/>
                </a:solidFill>
              </a:defRPr>
            </a:lvl6pPr>
            <a:lvl7pPr>
              <a:defRPr>
                <a:solidFill>
                  <a:schemeClr val="accent4"/>
                </a:solidFill>
              </a:defRPr>
            </a:lvl7pPr>
            <a:lvl8pPr>
              <a:defRPr>
                <a:solidFill>
                  <a:schemeClr val="accent4"/>
                </a:solidFill>
              </a:defRPr>
            </a:lvl8pPr>
            <a:lvl9pPr>
              <a:defRPr>
                <a:solidFill>
                  <a:schemeClr val="accent4"/>
                </a:solidFill>
              </a:defRPr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BDBF2D4-D010-4E51-95B8-DCBFAF31E73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92800" y="762000"/>
            <a:ext cx="2570400" cy="4572000"/>
          </a:xfrm>
          <a:solidFill>
            <a:srgbClr val="D8D9DA"/>
          </a:solidFill>
        </p:spPr>
        <p:txBody>
          <a:bodyPr lIns="360000" tIns="504000" rIns="360000" bIns="36000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sz="3600" b="1">
                <a:solidFill>
                  <a:schemeClr val="accent4"/>
                </a:solidFill>
              </a:defRPr>
            </a:lvl1pPr>
            <a:lvl2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>
                <a:solidFill>
                  <a:schemeClr val="accent4"/>
                </a:solidFill>
              </a:defRPr>
            </a:lvl2pPr>
            <a:lvl3pPr marL="126000" indent="-126000">
              <a:spcBef>
                <a:spcPts val="600"/>
              </a:spcBef>
              <a:spcAft>
                <a:spcPts val="0"/>
              </a:spcAft>
              <a:buFont typeface="Wingdings" panose="05000000000000000000" pitchFamily="2" charset="2"/>
              <a:buChar char="§"/>
              <a:defRPr sz="1400">
                <a:solidFill>
                  <a:schemeClr val="accent4"/>
                </a:solidFill>
              </a:defRPr>
            </a:lvl3pPr>
            <a:lvl4pPr>
              <a:defRPr sz="1400">
                <a:solidFill>
                  <a:schemeClr val="accent4"/>
                </a:solidFill>
              </a:defRPr>
            </a:lvl4pPr>
            <a:lvl5pPr>
              <a:defRPr sz="1400">
                <a:solidFill>
                  <a:schemeClr val="accent4"/>
                </a:solidFill>
              </a:defRPr>
            </a:lvl5pPr>
            <a:lvl6pPr>
              <a:buClrTx/>
              <a:defRPr>
                <a:solidFill>
                  <a:schemeClr val="accent4"/>
                </a:solidFill>
              </a:defRPr>
            </a:lvl6pPr>
            <a:lvl7pPr>
              <a:defRPr>
                <a:solidFill>
                  <a:schemeClr val="accent4"/>
                </a:solidFill>
              </a:defRPr>
            </a:lvl7pPr>
            <a:lvl8pPr>
              <a:defRPr>
                <a:solidFill>
                  <a:schemeClr val="accent4"/>
                </a:solidFill>
              </a:defRPr>
            </a:lvl8pPr>
            <a:lvl9pPr>
              <a:defRPr>
                <a:solidFill>
                  <a:schemeClr val="accent4"/>
                </a:solidFill>
              </a:defRPr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17" name="Text Placeholder 19">
            <a:extLst>
              <a:ext uri="{FF2B5EF4-FFF2-40B4-BE49-F238E27FC236}">
                <a16:creationId xmlns:a16="http://schemas.microsoft.com/office/drawing/2014/main" id="{CFA49303-64FB-4979-9405-E9B8E372010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248400" y="762000"/>
            <a:ext cx="2570400" cy="4572000"/>
          </a:xfrm>
          <a:solidFill>
            <a:schemeClr val="accent4"/>
          </a:solidFill>
        </p:spPr>
        <p:txBody>
          <a:bodyPr lIns="360000" tIns="504000" rIns="360000" bIns="360000"/>
          <a:lstStyle>
            <a:lvl1pPr marL="0" indent="0">
              <a:spcAft>
                <a:spcPts val="0"/>
              </a:spcAft>
              <a:buFont typeface="Arial" panose="020B0604020202020204" pitchFamily="34" charset="0"/>
              <a:buChar char="​"/>
              <a:defRPr sz="3600" b="1">
                <a:solidFill>
                  <a:schemeClr val="bg1"/>
                </a:solidFill>
              </a:defRPr>
            </a:lvl1pPr>
            <a:lvl2pPr marL="0" indent="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>
                <a:solidFill>
                  <a:schemeClr val="bg1"/>
                </a:solidFill>
              </a:defRPr>
            </a:lvl2pPr>
            <a:lvl3pPr marL="126000" indent="-126000">
              <a:spcBef>
                <a:spcPts val="600"/>
              </a:spcBef>
              <a:spcAft>
                <a:spcPts val="0"/>
              </a:spcAft>
              <a:buFont typeface="Wingdings" panose="05000000000000000000" pitchFamily="2" charset="2"/>
              <a:buChar char="§"/>
              <a:defRPr sz="1400">
                <a:solidFill>
                  <a:schemeClr val="bg1"/>
                </a:solidFill>
              </a:defRPr>
            </a:lvl3pPr>
            <a:lvl4pPr>
              <a:defRPr sz="1400">
                <a:solidFill>
                  <a:schemeClr val="bg1"/>
                </a:solidFill>
              </a:defRPr>
            </a:lvl4pPr>
            <a:lvl5pPr>
              <a:defRPr sz="1400"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18" name="Text Placeholder 41">
            <a:extLst>
              <a:ext uri="{FF2B5EF4-FFF2-40B4-BE49-F238E27FC236}">
                <a16:creationId xmlns:a16="http://schemas.microsoft.com/office/drawing/2014/main" id="{9F290E1F-8C2A-49EC-BE37-43B747F88FAD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9457200" y="559128"/>
            <a:ext cx="882000" cy="381600"/>
          </a:xfrm>
          <a:solidFill>
            <a:srgbClr val="FF7768"/>
          </a:solidFill>
        </p:spPr>
        <p:txBody>
          <a:bodyPr/>
          <a:lstStyle>
            <a:lvl1pPr marL="0" indent="0">
              <a:buFontTx/>
              <a:buNone/>
              <a:defRPr sz="600">
                <a:noFill/>
              </a:defRPr>
            </a:lvl1pPr>
            <a:lvl2pPr marL="180000" indent="0">
              <a:buFontTx/>
              <a:buNone/>
              <a:defRPr sz="600">
                <a:noFill/>
              </a:defRPr>
            </a:lvl2pPr>
            <a:lvl3pPr marL="360000" indent="0">
              <a:buFontTx/>
              <a:buNone/>
              <a:defRPr sz="600">
                <a:noFill/>
              </a:defRPr>
            </a:lvl3pPr>
            <a:lvl4pPr>
              <a:buFontTx/>
              <a:buNone/>
              <a:defRPr sz="600">
                <a:noFill/>
              </a:defRPr>
            </a:lvl4pPr>
            <a:lvl5pPr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2BB9F23-ED93-4E96-B8D1-B6BC81B430E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37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D14C74-CB1E-4B5A-96B5-AE6E551A5F20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0DE2D26-F347-4FBC-BEFA-510D138078BA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96736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EC7DD8DC-D2A8-999B-ECEE-43F5022F3E8C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A8181AF-B3B9-43B7-8BC8-4EE7E38ED7B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6095400" cy="7632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2DADA2BB-9129-4650-A933-7952E11100F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79412" y="1524000"/>
            <a:ext cx="6097587" cy="3429000"/>
          </a:xfrm>
        </p:spPr>
        <p:txBody>
          <a:bodyPr/>
          <a:lstStyle>
            <a:lvl1pPr marL="0" indent="0">
              <a:spcAft>
                <a:spcPts val="1200"/>
              </a:spcAft>
              <a:buNone/>
              <a:defRPr sz="2000">
                <a:solidFill>
                  <a:schemeClr val="bg1"/>
                </a:solidFill>
              </a:defRPr>
            </a:lvl1pPr>
            <a:lvl2pPr marL="0" indent="0">
              <a:spcAft>
                <a:spcPts val="1200"/>
              </a:spcAft>
              <a:buNone/>
              <a:defRPr sz="2000"/>
            </a:lvl2pPr>
            <a:lvl3pPr marL="0" indent="0">
              <a:spcAft>
                <a:spcPts val="1200"/>
              </a:spcAft>
              <a:buNone/>
              <a:defRPr sz="2000"/>
            </a:lvl3pPr>
            <a:lvl4pPr marL="0" indent="0">
              <a:spcBef>
                <a:spcPts val="0"/>
              </a:spcBef>
              <a:spcAft>
                <a:spcPts val="1200"/>
              </a:spcAft>
              <a:defRPr sz="2000" b="0"/>
            </a:lvl4pPr>
            <a:lvl5pPr marL="0" indent="0">
              <a:spcAft>
                <a:spcPts val="1200"/>
              </a:spcAft>
              <a:defRPr sz="2000"/>
            </a:lvl5pPr>
          </a:lstStyle>
          <a:p>
            <a:pPr lvl="0"/>
            <a:r>
              <a:rPr lang="en-GB" dirty="0"/>
              <a:t>Click to add quotation</a:t>
            </a:r>
          </a:p>
          <a:p>
            <a:pPr lvl="0"/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EAFB780-5F0C-4980-958A-84441C19251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79412" y="4953000"/>
            <a:ext cx="6097588" cy="762000"/>
          </a:xfrm>
        </p:spPr>
        <p:txBody>
          <a:bodyPr rIns="360000" anchor="b" anchorCtr="0"/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Click to add Name                                                                                                                           Titl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FAB82F2F-7F96-4576-B310-91B85BB2E1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81600" y="6096189"/>
            <a:ext cx="2083260" cy="380810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91FC031-FF4D-464D-A4CB-449B9E2FA71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B09817-AE8A-4475-B9AB-93C73811DF2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3429000" y="6096000"/>
            <a:ext cx="8001000" cy="380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9CE2F6E-9150-46FD-BA41-2883039131F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75139689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B">
    <p:bg>
      <p:bgPr>
        <a:solidFill>
          <a:srgbClr val="D2001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78205054-25B7-4003-94EA-98F762DF9FC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45A6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2DADA2BB-9129-4650-A933-7952E11100F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79412" y="381000"/>
            <a:ext cx="6097587" cy="4572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4000">
                <a:solidFill>
                  <a:srgbClr val="EBEA79"/>
                </a:solidFill>
              </a:defRPr>
            </a:lvl1pPr>
            <a:lvl2pPr marL="0" indent="0">
              <a:spcAft>
                <a:spcPts val="1200"/>
              </a:spcAft>
              <a:buNone/>
              <a:defRPr sz="2000"/>
            </a:lvl2pPr>
            <a:lvl3pPr marL="0" indent="0">
              <a:spcAft>
                <a:spcPts val="1200"/>
              </a:spcAft>
              <a:buNone/>
              <a:defRPr sz="2000"/>
            </a:lvl3pPr>
            <a:lvl4pPr marL="0" indent="0">
              <a:spcBef>
                <a:spcPts val="0"/>
              </a:spcBef>
              <a:spcAft>
                <a:spcPts val="1200"/>
              </a:spcAft>
              <a:defRPr sz="2000" b="0"/>
            </a:lvl4pPr>
            <a:lvl5pPr marL="0" indent="0">
              <a:spcAft>
                <a:spcPts val="1200"/>
              </a:spcAft>
              <a:defRPr sz="2000"/>
            </a:lvl5pPr>
          </a:lstStyle>
          <a:p>
            <a:pPr lvl="0"/>
            <a:r>
              <a:rPr lang="en-GB" dirty="0"/>
              <a:t>Click to add quotation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EAFB780-5F0C-4980-958A-84441C19251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379412" y="4953000"/>
            <a:ext cx="6097588" cy="762000"/>
          </a:xfrm>
        </p:spPr>
        <p:txBody>
          <a:bodyPr rIns="360000" anchor="b" anchorCtr="0"/>
          <a:lstStyle>
            <a:lvl1pPr marL="0" indent="0">
              <a:buNone/>
              <a:defRPr sz="1200">
                <a:solidFill>
                  <a:srgbClr val="EBEA79"/>
                </a:solidFill>
              </a:defRPr>
            </a:lvl1pPr>
          </a:lstStyle>
          <a:p>
            <a:pPr lvl="0"/>
            <a:r>
              <a:rPr lang="en-GB" dirty="0"/>
              <a:t>Click to add Name                                                                                                                           Title</a:t>
            </a:r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A99850C1-0DB1-44D5-9BBA-8BD432A2FF1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81600" y="6096189"/>
            <a:ext cx="2083260" cy="380810"/>
          </a:xfrm>
          <a:prstGeom prst="rect">
            <a:avLst/>
          </a:prstGeom>
        </p:spPr>
      </p:pic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DB0747E-46FD-4CF2-9DD2-7060C5EF378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6273628-79C9-4C40-91B8-A68FBA247A8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3416300" y="6096000"/>
            <a:ext cx="8013700" cy="3804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64CE7D8-A5E3-40C0-91F0-24A8111888F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82317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utro">
    <p:bg>
      <p:bgPr>
        <a:solidFill>
          <a:srgbClr val="D2001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9F79E0AF-53B2-490A-B9FC-BA1E0D0978E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72902F1C-AC43-4F39-A384-292D87EBF49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81600" y="6096189"/>
            <a:ext cx="2083260" cy="38081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988CEFD-30ED-4622-96F2-492E3A38E76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381600" y="381000"/>
            <a:ext cx="6095400" cy="3429000"/>
          </a:xfrm>
        </p:spPr>
        <p:txBody>
          <a:bodyPr/>
          <a:lstStyle>
            <a:lvl1pPr>
              <a:lnSpc>
                <a:spcPct val="90000"/>
              </a:lnSpc>
              <a:defRPr sz="8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A76B8B0-E174-426B-971A-ED268A49956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79413" y="3810001"/>
            <a:ext cx="3811587" cy="1905000"/>
          </a:xfrm>
        </p:spPr>
        <p:txBody>
          <a:bodyPr anchor="b" anchorCtr="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sz="1400"/>
            </a:lvl1pPr>
            <a:lvl2pPr marL="0" indent="0">
              <a:spcAft>
                <a:spcPts val="1200"/>
              </a:spcAft>
              <a:buFont typeface="Arial" panose="020B0604020202020204" pitchFamily="34" charset="0"/>
              <a:buChar char="​"/>
              <a:defRPr sz="1400"/>
            </a:lvl2pPr>
            <a:lvl3pPr marL="0" indent="0">
              <a:spcAft>
                <a:spcPts val="1200"/>
              </a:spcAft>
              <a:buFont typeface="Arial" panose="020B0604020202020204" pitchFamily="34" charset="0"/>
              <a:buChar char="​"/>
              <a:defRPr sz="1400"/>
            </a:lvl3pPr>
            <a:lvl4pPr>
              <a:spcBef>
                <a:spcPts val="0"/>
              </a:spcBef>
              <a:spcAft>
                <a:spcPts val="1200"/>
              </a:spcAft>
              <a:defRPr sz="1400"/>
            </a:lvl4pPr>
            <a:lvl5pPr>
              <a:spcAft>
                <a:spcPts val="1200"/>
              </a:spcAft>
              <a:defRPr sz="1400"/>
            </a:lvl5pPr>
            <a:lvl6pPr marL="0" indent="0">
              <a:spcAft>
                <a:spcPts val="1200"/>
              </a:spcAft>
              <a:buFont typeface="Arial" panose="020B0604020202020204" pitchFamily="34" charset="0"/>
              <a:buChar char="​"/>
              <a:defRPr sz="1400" b="0"/>
            </a:lvl6pPr>
            <a:lvl7pPr marL="0" indent="0">
              <a:spcAft>
                <a:spcPts val="1200"/>
              </a:spcAft>
              <a:buFont typeface="Arial" panose="020B0604020202020204" pitchFamily="34" charset="0"/>
              <a:buChar char="​"/>
              <a:defRPr sz="1400" b="0"/>
            </a:lvl7pPr>
            <a:lvl8pPr marL="0" indent="0">
              <a:spcAft>
                <a:spcPts val="1200"/>
              </a:spcAft>
              <a:buFont typeface="Arial" panose="020B0604020202020204" pitchFamily="34" charset="0"/>
              <a:buChar char="​"/>
              <a:defRPr sz="1400" b="0"/>
            </a:lvl8pPr>
            <a:lvl9pPr marL="0" indent="0">
              <a:spcAft>
                <a:spcPts val="1200"/>
              </a:spcAft>
              <a:buFont typeface="Arial" panose="020B0604020202020204" pitchFamily="34" charset="0"/>
              <a:buChar char="​"/>
              <a:defRPr sz="1400" b="0"/>
            </a:lvl9pPr>
          </a:lstStyle>
          <a:p>
            <a:pPr lvl="0"/>
            <a:r>
              <a:rPr lang="en-GB" dirty="0"/>
              <a:t>Click to add Company name in bold and address in regular type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C6ED06A3-2C86-406B-92E5-266056A66A2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9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0024975-5628-48DC-84D7-473CD96D0D2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3429000" y="6096000"/>
            <a:ext cx="8001000" cy="3804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A8D5B7E-8D98-4BD4-82A4-24F9112DBB35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491217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83FF0797-A966-40B5-8E81-0CC45FE6AE99}"/>
              </a:ext>
            </a:extLst>
          </p:cNvPr>
          <p:cNvSpPr>
            <a:spLocks noGrp="1"/>
          </p:cNvSpPr>
          <p:nvPr>
            <p:ph type="subTitle" idx="40" hasCustomPrompt="1"/>
          </p:nvPr>
        </p:nvSpPr>
        <p:spPr>
          <a:xfrm>
            <a:off x="381000" y="5716800"/>
            <a:ext cx="11429400" cy="2700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>
                <a:solidFill>
                  <a:srgbClr val="000000"/>
                </a:solidFill>
              </a:defRPr>
            </a:lvl1pPr>
            <a:lvl2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2pPr>
            <a:lvl3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4pPr>
            <a:lvl5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5pPr>
            <a:lvl6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7pPr>
            <a:lvl8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8pPr>
            <a:lvl9pPr marL="0" indent="0" algn="l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800" b="0"/>
            </a:lvl9pPr>
          </a:lstStyle>
          <a:p>
            <a:r>
              <a:rPr lang="en-GB" dirty="0"/>
              <a:t>Click to add notes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8EA26B1-FC6D-4CA6-9A27-CF078707DDC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625BD2D-2C9E-4524-8D8C-056A6E4F91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ADA5701-D12F-4F62-9DC9-144B5ED665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593D7B4-707F-46FE-83CC-145D0D59C1E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7621200" cy="7632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81600" y="1905000"/>
            <a:ext cx="7621201" cy="3810000"/>
          </a:xfrm>
        </p:spPr>
        <p:txBody>
          <a:bodyPr/>
          <a:lstStyle>
            <a:lvl1pPr marL="381600" indent="-3816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1"/>
              </a:buClr>
              <a:buFont typeface="+mj-lt"/>
              <a:buAutoNum type="arabicPeriod"/>
              <a:defRPr sz="2000" b="0">
                <a:solidFill>
                  <a:schemeClr val="tx1"/>
                </a:solidFill>
              </a:defRPr>
            </a:lvl1pPr>
            <a:lvl2pPr marL="381600" indent="-3816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1"/>
              </a:buClr>
              <a:buFont typeface="+mj-lt"/>
              <a:buAutoNum type="arabicPeriod"/>
              <a:defRPr sz="2000" b="0">
                <a:solidFill>
                  <a:schemeClr val="tx1"/>
                </a:solidFill>
              </a:defRPr>
            </a:lvl2pPr>
            <a:lvl3pPr marL="381600" indent="-3816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1"/>
              </a:buClr>
              <a:buFont typeface="+mj-lt"/>
              <a:buAutoNum type="arabicPeriod"/>
              <a:defRPr sz="2000" b="0">
                <a:solidFill>
                  <a:schemeClr val="tx1"/>
                </a:solidFill>
              </a:defRPr>
            </a:lvl3pPr>
            <a:lvl4pPr marL="381600" indent="-3816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1"/>
              </a:buClr>
              <a:buFont typeface="+mj-lt"/>
              <a:buAutoNum type="arabicPeriod"/>
              <a:defRPr sz="2000" b="0">
                <a:solidFill>
                  <a:schemeClr val="tx1"/>
                </a:solidFill>
              </a:defRPr>
            </a:lvl4pPr>
            <a:lvl5pPr marL="381600" indent="-3816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1"/>
              </a:buClr>
              <a:buFont typeface="+mj-lt"/>
              <a:buAutoNum type="arabicPeriod"/>
              <a:defRPr sz="2000" b="0">
                <a:solidFill>
                  <a:schemeClr val="tx1"/>
                </a:solidFill>
              </a:defRPr>
            </a:lvl5pPr>
            <a:lvl6pPr marL="381600" indent="-3816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1"/>
              </a:buClr>
              <a:buFont typeface="+mj-lt"/>
              <a:buAutoNum type="arabicPeriod"/>
              <a:defRPr sz="2000" b="0">
                <a:solidFill>
                  <a:schemeClr val="tx1"/>
                </a:solidFill>
              </a:defRPr>
            </a:lvl6pPr>
            <a:lvl7pPr marL="381600" indent="-3816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1"/>
              </a:buClr>
              <a:buFont typeface="+mj-lt"/>
              <a:buAutoNum type="arabicPeriod"/>
              <a:defRPr sz="2000" b="0">
                <a:solidFill>
                  <a:schemeClr val="tx1"/>
                </a:solidFill>
              </a:defRPr>
            </a:lvl7pPr>
            <a:lvl8pPr marL="381600" indent="-3816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1"/>
              </a:buClr>
              <a:buFont typeface="+mj-lt"/>
              <a:buAutoNum type="arabicPeriod"/>
              <a:defRPr sz="2000" b="0">
                <a:solidFill>
                  <a:schemeClr val="tx1"/>
                </a:solidFill>
              </a:defRPr>
            </a:lvl8pPr>
            <a:lvl9pPr marL="381600" indent="-3816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1"/>
              </a:buClr>
              <a:buFont typeface="+mj-lt"/>
              <a:buAutoNum type="arabicPeriod"/>
              <a:defRPr sz="2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</p:txBody>
      </p:sp>
      <p:sp>
        <p:nvSpPr>
          <p:cNvPr id="9" name="Date Placeholder 8" hidden="1">
            <a:extLst>
              <a:ext uri="{FF2B5EF4-FFF2-40B4-BE49-F238E27FC236}">
                <a16:creationId xmlns:a16="http://schemas.microsoft.com/office/drawing/2014/main" id="{8953B997-0B16-489F-ACA8-DAD249A495B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B33B0804-D947-47C7-B304-852B83B01A5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33D7A2E0-B3AA-40EC-B448-A573DCB5D809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3073797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07EE3D12-0A24-4095-B3CA-1460F9D67C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B036BFD-3EFB-4645-8D5B-898965DE8F8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E0F2C2-3EA8-4C28-9ED1-DDCDDCE5448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379413" y="385846"/>
            <a:ext cx="11050587" cy="75715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sp>
        <p:nvSpPr>
          <p:cNvPr id="13" name="Text Box 2">
            <a:extLst>
              <a:ext uri="{FF2B5EF4-FFF2-40B4-BE49-F238E27FC236}">
                <a16:creationId xmlns:a16="http://schemas.microsoft.com/office/drawing/2014/main" id="{0BB3B459-CDFE-44C8-879C-511BDE5A64B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79413" y="1524000"/>
            <a:ext cx="244800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witch from one level to the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ze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slide layouts</a:t>
            </a:r>
            <a:endParaRPr lang="en-GB" sz="9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14" name="Text Box 3">
            <a:extLst>
              <a:ext uri="{FF2B5EF4-FFF2-40B4-BE49-F238E27FC236}">
                <a16:creationId xmlns:a16="http://schemas.microsoft.com/office/drawing/2014/main" id="{66B3FBB4-61DE-493B-8F38-CB78E008D9B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21830" y="1524000"/>
            <a:ext cx="2448000" cy="272382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PICTURES</a:t>
            </a:r>
            <a:endParaRPr lang="en-GB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</p:txBody>
      </p:sp>
      <p:sp>
        <p:nvSpPr>
          <p:cNvPr id="15" name="Text Box 4">
            <a:extLst>
              <a:ext uri="{FF2B5EF4-FFF2-40B4-BE49-F238E27FC236}">
                <a16:creationId xmlns:a16="http://schemas.microsoft.com/office/drawing/2014/main" id="{17EA80A0-F605-4897-AE2A-18933CAB6D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763000" y="1524000"/>
            <a:ext cx="2448000" cy="48013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0722642E-922E-4D3E-9481-C027E3A93CD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668744" y="4864619"/>
            <a:ext cx="475428" cy="17676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F37E3D92-3923-49A5-9D66-A01D052984C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356371" y="1807038"/>
            <a:ext cx="341204" cy="321707"/>
          </a:xfrm>
          <a:prstGeom prst="rect">
            <a:avLst/>
          </a:prstGeom>
        </p:spPr>
      </p:pic>
      <p:pic>
        <p:nvPicPr>
          <p:cNvPr id="24" name="Picture 16">
            <a:extLst>
              <a:ext uri="{FF2B5EF4-FFF2-40B4-BE49-F238E27FC236}">
                <a16:creationId xmlns:a16="http://schemas.microsoft.com/office/drawing/2014/main" id="{EE4BD888-DAA9-4A3B-ADD9-0ACB9540A63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68744" y="4053549"/>
            <a:ext cx="328881" cy="505501"/>
          </a:xfrm>
          <a:prstGeom prst="rect">
            <a:avLst/>
          </a:prstGeom>
        </p:spPr>
      </p:pic>
      <p:pic>
        <p:nvPicPr>
          <p:cNvPr id="26" name="Picture 20">
            <a:extLst>
              <a:ext uri="{FF2B5EF4-FFF2-40B4-BE49-F238E27FC236}">
                <a16:creationId xmlns:a16="http://schemas.microsoft.com/office/drawing/2014/main" id="{ADF46DFB-ABDB-43BA-AD93-FDEE2D7642D0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672411" y="3272864"/>
            <a:ext cx="538465" cy="172841"/>
          </a:xfrm>
          <a:prstGeom prst="rect">
            <a:avLst/>
          </a:prstGeom>
        </p:spPr>
      </p:pic>
      <p:pic>
        <p:nvPicPr>
          <p:cNvPr id="27" name="Picture 19">
            <a:extLst>
              <a:ext uri="{FF2B5EF4-FFF2-40B4-BE49-F238E27FC236}">
                <a16:creationId xmlns:a16="http://schemas.microsoft.com/office/drawing/2014/main" id="{CF6F40E1-EF2A-4675-A88E-429AD3ADD347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432515" y="2525518"/>
            <a:ext cx="313788" cy="543900"/>
          </a:xfrm>
          <a:prstGeom prst="rect">
            <a:avLst/>
          </a:prstGeom>
        </p:spPr>
      </p:pic>
      <p:pic>
        <p:nvPicPr>
          <p:cNvPr id="18" name="Picture 12">
            <a:extLst>
              <a:ext uri="{FF2B5EF4-FFF2-40B4-BE49-F238E27FC236}">
                <a16:creationId xmlns:a16="http://schemas.microsoft.com/office/drawing/2014/main" id="{1EEB59ED-856C-4646-8080-8164D2973D0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11404123" y="2061746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18B3BD4-04BC-40A0-B801-FB79B0884023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630227" y="2717408"/>
            <a:ext cx="457143" cy="257143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A2F85F92-DA8D-4F17-B8F6-156ECCEFB1E9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649379" y="1531396"/>
            <a:ext cx="1678731" cy="11067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17397770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white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0" noProof="0" dirty="0">
                <a:solidFill>
                  <a:schemeClr val="bg1"/>
                </a:solidFill>
              </a:rPr>
              <a:t>layouts after this one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0" u="none" noProof="0" dirty="0">
                <a:solidFill>
                  <a:schemeClr val="bg1"/>
                </a:solidFill>
              </a:rPr>
              <a:t>are not </a:t>
            </a:r>
            <a:br>
              <a:rPr lang="en-GB" sz="4400" b="1" i="0" u="none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white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430213" y="2588374"/>
            <a:ext cx="10152346" cy="224676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4000" b="1" i="0" noProof="0" dirty="0">
                <a:solidFill>
                  <a:schemeClr val="bg1"/>
                </a:solidFill>
              </a:rPr>
              <a:t>Do not use </a:t>
            </a:r>
            <a:endParaRPr lang="en-GB" sz="14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white"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8" hidden="1">
            <a:extLst>
              <a:ext uri="{FF2B5EF4-FFF2-40B4-BE49-F238E27FC236}">
                <a16:creationId xmlns:a16="http://schemas.microsoft.com/office/drawing/2014/main" id="{8953B997-0B16-489F-ACA8-DAD249A495B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B33B0804-D947-47C7-B304-852B83B01A5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33D7A2E0-B3AA-40EC-B448-A573DCB5D809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11430000" y="6096000"/>
            <a:ext cx="381000" cy="380400"/>
          </a:xfrm>
        </p:spPr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593D7B4-707F-46FE-83CC-145D0D59C1E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765018"/>
            <a:ext cx="3175852" cy="763200"/>
          </a:xfrm>
        </p:spPr>
        <p:txBody>
          <a:bodyPr tIns="180000"/>
          <a:lstStyle>
            <a:lvl1pPr algn="r">
              <a:defRPr sz="4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Insert title</a:t>
            </a:r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863B4AD3-7BFC-B5A4-2AF3-0747584611E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81600" y="1524000"/>
            <a:ext cx="3175852" cy="1524000"/>
          </a:xfrm>
        </p:spPr>
        <p:txBody>
          <a:bodyPr/>
          <a:lstStyle>
            <a:lvl1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>
                <a:solidFill>
                  <a:schemeClr val="accent1"/>
                </a:solidFill>
              </a:defRPr>
            </a:lvl1pPr>
            <a:lvl2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>
                <a:solidFill>
                  <a:schemeClr val="accent1"/>
                </a:solidFill>
              </a:defRPr>
            </a:lvl2pPr>
            <a:lvl3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>
                <a:solidFill>
                  <a:schemeClr val="accent1"/>
                </a:solidFill>
              </a:defRPr>
            </a:lvl3pPr>
            <a:lvl4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>
                <a:solidFill>
                  <a:schemeClr val="accent1"/>
                </a:solidFill>
              </a:defRPr>
            </a:lvl4pPr>
            <a:lvl5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>
                <a:solidFill>
                  <a:schemeClr val="accent1"/>
                </a:solidFill>
              </a:defRPr>
            </a:lvl5pPr>
            <a:lvl6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>
                <a:solidFill>
                  <a:schemeClr val="accent1"/>
                </a:solidFill>
              </a:defRPr>
            </a:lvl6pPr>
            <a:lvl7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>
                <a:solidFill>
                  <a:schemeClr val="accent1"/>
                </a:solidFill>
              </a:defRPr>
            </a:lvl7pPr>
            <a:lvl8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>
                <a:solidFill>
                  <a:schemeClr val="accent1"/>
                </a:solidFill>
              </a:defRPr>
            </a:lvl8pPr>
            <a:lvl9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>
                <a:solidFill>
                  <a:schemeClr val="accent1"/>
                </a:solidFill>
              </a:defRPr>
            </a:lvl9pPr>
          </a:lstStyle>
          <a:p>
            <a:r>
              <a:rPr lang="en-GB" dirty="0"/>
              <a:t>Click to add short description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967200" y="763200"/>
            <a:ext cx="2498400" cy="2480400"/>
          </a:xfrm>
          <a:solidFill>
            <a:schemeClr val="tx2"/>
          </a:solidFill>
        </p:spPr>
        <p:txBody>
          <a:bodyPr lIns="190800" tIns="648000" rIns="190800" bIns="190800" anchor="b" anchorCtr="0"/>
          <a:lstStyle>
            <a:lvl1pPr marL="0" indent="0" algn="r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r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 algn="r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3pPr>
            <a:lvl4pPr marL="0" indent="0" algn="r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4pPr>
            <a:lvl5pPr marL="0" indent="0" algn="r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5pPr>
            <a:lvl6pPr marL="0" indent="0" algn="r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6pPr>
            <a:lvl7pPr marL="0" indent="0" algn="r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7pPr>
            <a:lvl8pPr marL="0" indent="0" algn="r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8pPr>
            <a:lvl9pPr marL="0" indent="0" algn="r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subtitle 1</a:t>
            </a:r>
          </a:p>
          <a:p>
            <a:pPr lvl="1"/>
            <a:r>
              <a:rPr lang="en-GB" noProof="0" dirty="0"/>
              <a:t>Second leve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4D52AE51-DF4D-7EC1-DF60-58EF0F639A98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639900" y="763200"/>
            <a:ext cx="2498400" cy="2480400"/>
          </a:xfrm>
          <a:solidFill>
            <a:srgbClr val="1AB092"/>
          </a:solidFill>
        </p:spPr>
        <p:txBody>
          <a:bodyPr lIns="190800" tIns="648000" rIns="190800" bIns="190800" anchor="b" anchorCtr="0"/>
          <a:lstStyle>
            <a:lvl1pPr marL="0" indent="0" algn="r">
              <a:spcAft>
                <a:spcPts val="120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/>
            </a:lvl3pPr>
            <a:lvl4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4pPr>
            <a:lvl5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5pPr>
            <a:lvl6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6pPr>
            <a:lvl7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7pPr>
            <a:lvl8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8pPr>
            <a:lvl9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9pPr>
          </a:lstStyle>
          <a:p>
            <a:pPr lvl="0"/>
            <a:r>
              <a:rPr lang="en-GB" dirty="0"/>
              <a:t>Click to add subtitle 2</a:t>
            </a:r>
          </a:p>
          <a:p>
            <a:pPr lvl="1"/>
            <a:r>
              <a:rPr lang="en-GB" dirty="0"/>
              <a:t>Second level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34CF97AC-DFFC-6DF9-4BCD-C03EA74922C0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12600" y="763200"/>
            <a:ext cx="2498400" cy="2480400"/>
          </a:xfrm>
          <a:solidFill>
            <a:srgbClr val="45A6DE"/>
          </a:solidFill>
        </p:spPr>
        <p:txBody>
          <a:bodyPr lIns="190800" tIns="648000" rIns="190800" bIns="190800" anchor="b" anchorCtr="0"/>
          <a:lstStyle>
            <a:lvl1pPr marL="0" indent="0" algn="r">
              <a:spcAft>
                <a:spcPts val="120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r"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3pPr>
            <a:lvl4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4pPr>
            <a:lvl5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5pPr>
            <a:lvl6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6pPr>
            <a:lvl7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7pPr>
            <a:lvl8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8pPr>
            <a:lvl9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/>
            </a:lvl9pPr>
          </a:lstStyle>
          <a:p>
            <a:pPr lvl="0"/>
            <a:r>
              <a:rPr lang="en-GB" dirty="0"/>
              <a:t>Click to add subtitle 3</a:t>
            </a:r>
          </a:p>
          <a:p>
            <a:pPr lvl="1"/>
            <a:r>
              <a:rPr lang="en-GB" dirty="0"/>
              <a:t>Second level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2A390032-20BE-E07C-4C10-A6FA758865F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314000" y="3430800"/>
            <a:ext cx="2498400" cy="2480400"/>
          </a:xfrm>
          <a:solidFill>
            <a:schemeClr val="accent4"/>
          </a:solidFill>
        </p:spPr>
        <p:txBody>
          <a:bodyPr lIns="190800" tIns="648000" rIns="190800" bIns="190800" anchor="b" anchorCtr="0"/>
          <a:lstStyle>
            <a:lvl1pPr marL="0" indent="0" algn="r">
              <a:spcAft>
                <a:spcPts val="120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3pPr>
            <a:lvl4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4pPr>
            <a:lvl5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5pPr>
            <a:lvl6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6pPr>
            <a:lvl7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7pPr>
            <a:lvl8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8pPr>
            <a:lvl9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title 4</a:t>
            </a:r>
          </a:p>
          <a:p>
            <a:pPr lvl="1"/>
            <a:r>
              <a:rPr lang="en-GB" dirty="0"/>
              <a:t>Second level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47353018-A53E-7BFC-46FE-71E2D0FE9F9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980200" y="3430800"/>
            <a:ext cx="2498400" cy="2480400"/>
          </a:xfrm>
          <a:solidFill>
            <a:srgbClr val="FF7768"/>
          </a:solidFill>
        </p:spPr>
        <p:txBody>
          <a:bodyPr lIns="190800" tIns="648000" rIns="190800" bIns="190800" anchor="b" anchorCtr="0"/>
          <a:lstStyle>
            <a:lvl1pPr marL="0" indent="0" algn="r">
              <a:spcAft>
                <a:spcPts val="120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3pPr>
            <a:lvl4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4pPr>
            <a:lvl5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5pPr>
            <a:lvl6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6pPr>
            <a:lvl7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7pPr>
            <a:lvl8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8pPr>
            <a:lvl9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subtitle 5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BFCE268F-219E-70ED-E89E-E4F4BFB0791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46400" y="3430800"/>
            <a:ext cx="2498400" cy="2480400"/>
          </a:xfrm>
          <a:solidFill>
            <a:srgbClr val="D6BB74"/>
          </a:solidFill>
        </p:spPr>
        <p:txBody>
          <a:bodyPr lIns="190800" tIns="648000" rIns="190800" bIns="190800" anchor="b" anchorCtr="0"/>
          <a:lstStyle>
            <a:lvl1pPr marL="0" indent="0" algn="r">
              <a:spcAft>
                <a:spcPts val="120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r"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3pPr>
            <a:lvl4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4pPr>
            <a:lvl5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5pPr>
            <a:lvl6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6pPr>
            <a:lvl7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7pPr>
            <a:lvl8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8pPr>
            <a:lvl9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title 6</a:t>
            </a:r>
          </a:p>
          <a:p>
            <a:pPr lvl="1"/>
            <a:r>
              <a:rPr lang="en-GB" dirty="0"/>
              <a:t>Second level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11556455-A40C-1E24-4A68-D60DA48C3CD5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9312600" y="3430800"/>
            <a:ext cx="2498400" cy="2480400"/>
          </a:xfrm>
          <a:solidFill>
            <a:srgbClr val="EBEA79"/>
          </a:solidFill>
        </p:spPr>
        <p:txBody>
          <a:bodyPr lIns="190800" tIns="648000" rIns="190800" bIns="190800" anchor="b" anchorCtr="0"/>
          <a:lstStyle>
            <a:lvl1pPr marL="0" indent="0" algn="r">
              <a:spcAft>
                <a:spcPts val="120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3pPr>
            <a:lvl4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4pPr>
            <a:lvl5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5pPr>
            <a:lvl6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6pPr>
            <a:lvl7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7pPr>
            <a:lvl8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8pPr>
            <a:lvl9pPr marL="0" indent="0" algn="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title 7</a:t>
            </a:r>
          </a:p>
          <a:p>
            <a:pPr lvl="1"/>
            <a:r>
              <a:rPr lang="en-GB" dirty="0"/>
              <a:t>Second level</a:t>
            </a:r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49E91F92-5BD4-70F4-1C30-AAE7D625499D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967200" y="763200"/>
            <a:ext cx="2498400" cy="914400"/>
          </a:xfrm>
        </p:spPr>
        <p:txBody>
          <a:bodyPr lIns="190800" tIns="190800" rIns="190800"/>
          <a:lstStyle>
            <a:lvl1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1pPr>
            <a:lvl2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2pPr>
            <a:lvl3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3pPr>
            <a:lvl4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4pPr>
            <a:lvl5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5pPr>
            <a:lvl6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6pPr>
            <a:lvl7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7pPr>
            <a:lvl8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8pPr>
            <a:lvl9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23" name="Text Placeholder 21">
            <a:extLst>
              <a:ext uri="{FF2B5EF4-FFF2-40B4-BE49-F238E27FC236}">
                <a16:creationId xmlns:a16="http://schemas.microsoft.com/office/drawing/2014/main" id="{1C6B7414-F3D8-92EA-1D3D-27796B50EBE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639900" y="763200"/>
            <a:ext cx="2498400" cy="914400"/>
          </a:xfrm>
        </p:spPr>
        <p:txBody>
          <a:bodyPr lIns="190800" tIns="190800" rIns="190800"/>
          <a:lstStyle>
            <a:lvl1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1pPr>
            <a:lvl2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2pPr>
            <a:lvl3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3pPr>
            <a:lvl4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4pPr>
            <a:lvl5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5pPr>
            <a:lvl6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6pPr>
            <a:lvl7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7pPr>
            <a:lvl8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8pPr>
            <a:lvl9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24" name="Text Placeholder 21">
            <a:extLst>
              <a:ext uri="{FF2B5EF4-FFF2-40B4-BE49-F238E27FC236}">
                <a16:creationId xmlns:a16="http://schemas.microsoft.com/office/drawing/2014/main" id="{97EA2C16-F031-29B8-05B8-2781E5D47B10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9312600" y="763200"/>
            <a:ext cx="2498400" cy="914400"/>
          </a:xfrm>
        </p:spPr>
        <p:txBody>
          <a:bodyPr lIns="190800" tIns="190800" rIns="190800"/>
          <a:lstStyle>
            <a:lvl1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1pPr>
            <a:lvl2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2pPr>
            <a:lvl3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3pPr>
            <a:lvl4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4pPr>
            <a:lvl5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5pPr>
            <a:lvl6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6pPr>
            <a:lvl7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7pPr>
            <a:lvl8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8pPr>
            <a:lvl9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25" name="Text Placeholder 21">
            <a:extLst>
              <a:ext uri="{FF2B5EF4-FFF2-40B4-BE49-F238E27FC236}">
                <a16:creationId xmlns:a16="http://schemas.microsoft.com/office/drawing/2014/main" id="{862EDC30-D7CC-7C73-F430-B123C5C8CC95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314000" y="3430800"/>
            <a:ext cx="2498400" cy="914400"/>
          </a:xfrm>
        </p:spPr>
        <p:txBody>
          <a:bodyPr lIns="190800" tIns="190800" rIns="190800"/>
          <a:lstStyle>
            <a:lvl1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1pPr>
            <a:lvl2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2pPr>
            <a:lvl3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3pPr>
            <a:lvl4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4pPr>
            <a:lvl5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5pPr>
            <a:lvl6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6pPr>
            <a:lvl7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7pPr>
            <a:lvl8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8pPr>
            <a:lvl9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26" name="Text Placeholder 21">
            <a:extLst>
              <a:ext uri="{FF2B5EF4-FFF2-40B4-BE49-F238E27FC236}">
                <a16:creationId xmlns:a16="http://schemas.microsoft.com/office/drawing/2014/main" id="{D9621CFD-1FEE-95FF-4E77-7EB4224176F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980200" y="3430800"/>
            <a:ext cx="2498400" cy="914400"/>
          </a:xfrm>
        </p:spPr>
        <p:txBody>
          <a:bodyPr lIns="190800" tIns="190800" rIns="190800"/>
          <a:lstStyle>
            <a:lvl1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1pPr>
            <a:lvl2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2pPr>
            <a:lvl3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3pPr>
            <a:lvl4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4pPr>
            <a:lvl5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5pPr>
            <a:lvl6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6pPr>
            <a:lvl7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7pPr>
            <a:lvl8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8pPr>
            <a:lvl9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27" name="Text Placeholder 21">
            <a:extLst>
              <a:ext uri="{FF2B5EF4-FFF2-40B4-BE49-F238E27FC236}">
                <a16:creationId xmlns:a16="http://schemas.microsoft.com/office/drawing/2014/main" id="{8DA06936-C42B-BC06-2028-DDCB61077CD4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6646400" y="3430800"/>
            <a:ext cx="2498400" cy="914400"/>
          </a:xfrm>
        </p:spPr>
        <p:txBody>
          <a:bodyPr lIns="190800" tIns="190800" rIns="190800"/>
          <a:lstStyle>
            <a:lvl1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1pPr>
            <a:lvl2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2pPr>
            <a:lvl3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3pPr>
            <a:lvl4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4pPr>
            <a:lvl5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5pPr>
            <a:lvl6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6pPr>
            <a:lvl7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7pPr>
            <a:lvl8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8pPr>
            <a:lvl9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29" name="Text Placeholder 21">
            <a:extLst>
              <a:ext uri="{FF2B5EF4-FFF2-40B4-BE49-F238E27FC236}">
                <a16:creationId xmlns:a16="http://schemas.microsoft.com/office/drawing/2014/main" id="{16920567-7FBF-36D3-A4B6-7F274187F688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312600" y="3430800"/>
            <a:ext cx="2498400" cy="914400"/>
          </a:xfrm>
        </p:spPr>
        <p:txBody>
          <a:bodyPr lIns="190800" tIns="190800" rIns="190800"/>
          <a:lstStyle>
            <a:lvl1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1pPr>
            <a:lvl2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2pPr>
            <a:lvl3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3pPr>
            <a:lvl4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4pPr>
            <a:lvl5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5pPr>
            <a:lvl6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6pPr>
            <a:lvl7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7pPr>
            <a:lvl8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8pPr>
            <a:lvl9pPr marL="0" indent="0" algn="r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44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X</a:t>
            </a:r>
          </a:p>
        </p:txBody>
      </p:sp>
    </p:spTree>
    <p:extLst>
      <p:ext uri="{BB962C8B-B14F-4D97-AF65-F5344CB8AC3E}">
        <p14:creationId xmlns:p14="http://schemas.microsoft.com/office/powerpoint/2010/main" val="116777255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7239600" cy="763200"/>
          </a:xfrm>
        </p:spPr>
        <p:txBody>
          <a:bodyPr rIns="0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F2AF012-FE34-4392-8935-10039193F7D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81600" y="1144800"/>
            <a:ext cx="2570400" cy="4572000"/>
          </a:xfrm>
          <a:solidFill>
            <a:srgbClr val="63666A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B5CC8F2-0B7B-4CD1-A996-0F319FC4F9D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337200" y="1144800"/>
            <a:ext cx="2570400" cy="4572000"/>
          </a:xfrm>
          <a:solidFill>
            <a:srgbClr val="45A6DE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8A691847-AEA6-4510-9F02-9FE39F38B8B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292800" y="1144800"/>
            <a:ext cx="2570400" cy="4572000"/>
          </a:xfrm>
          <a:solidFill>
            <a:srgbClr val="1AB092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67769ECC-F273-4117-B7F6-B969229E0D8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248400" y="1144800"/>
            <a:ext cx="2570400" cy="4572000"/>
          </a:xfrm>
          <a:solidFill>
            <a:srgbClr val="8A8C8F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43" name="Transperancy 40">
            <a:extLst>
              <a:ext uri="{FF2B5EF4-FFF2-40B4-BE49-F238E27FC236}">
                <a16:creationId xmlns:a16="http://schemas.microsoft.com/office/drawing/2014/main" id="{05347995-964D-439A-AAC1-596071BD764C}"/>
              </a:ext>
            </a:extLst>
          </p:cNvPr>
          <p:cNvSpPr>
            <a:spLocks noGrp="1" noChangeAspect="1"/>
          </p:cNvSpPr>
          <p:nvPr>
            <p:ph type="body" sz="quarter" idx="36" hasCustomPrompt="1"/>
          </p:nvPr>
        </p:nvSpPr>
        <p:spPr>
          <a:xfrm>
            <a:off x="597600" y="9684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None/>
              <a:defRPr sz="2400" b="1">
                <a:solidFill>
                  <a:schemeClr val="bg1"/>
                </a:solidFill>
              </a:defRPr>
            </a:lvl1pPr>
            <a:lvl2pPr>
              <a:defRPr sz="600"/>
            </a:lvl2pPr>
            <a:lvl3pPr>
              <a:defRPr sz="600"/>
            </a:lvl3pPr>
            <a:lvl4pPr>
              <a:defRPr sz="600"/>
            </a:lvl4pPr>
            <a:lvl5pPr>
              <a:defRPr sz="600"/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0C4F1B58-EBDC-44C6-BFF6-36F8A836FD37}"/>
              </a:ext>
            </a:extLst>
          </p:cNvPr>
          <p:cNvSpPr>
            <a:spLocks noGrp="1" noChangeAspect="1"/>
          </p:cNvSpPr>
          <p:nvPr>
            <p:ph type="body" sz="quarter" idx="29" hasCustomPrompt="1"/>
          </p:nvPr>
        </p:nvSpPr>
        <p:spPr>
          <a:xfrm>
            <a:off x="3553200" y="9684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1pPr>
            <a:lvl2pPr marL="180000" indent="0"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2pPr>
            <a:lvl3pPr marL="360000" indent="0"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3pPr>
            <a:lvl4pPr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4pPr>
            <a:lvl5pPr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9AC9EEAF-6547-40FF-B0F3-7D7AF9C57DFD}"/>
              </a:ext>
            </a:extLst>
          </p:cNvPr>
          <p:cNvSpPr>
            <a:spLocks noGrp="1" noChangeAspect="1"/>
          </p:cNvSpPr>
          <p:nvPr>
            <p:ph type="body" sz="quarter" idx="30" hasCustomPrompt="1"/>
          </p:nvPr>
        </p:nvSpPr>
        <p:spPr>
          <a:xfrm>
            <a:off x="6505200" y="9684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1pPr>
            <a:lvl2pPr marL="180000" indent="0"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2pPr>
            <a:lvl3pPr marL="360000" indent="0"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3pPr>
            <a:lvl4pPr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4pPr>
            <a:lvl5pPr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1D22EF26-9866-44F6-A194-9221F4369D16}"/>
              </a:ext>
            </a:extLst>
          </p:cNvPr>
          <p:cNvSpPr>
            <a:spLocks noGrp="1" noChangeAspect="1"/>
          </p:cNvSpPr>
          <p:nvPr>
            <p:ph type="body" sz="quarter" idx="31" hasCustomPrompt="1"/>
          </p:nvPr>
        </p:nvSpPr>
        <p:spPr>
          <a:xfrm>
            <a:off x="9460800" y="9684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1pPr>
            <a:lvl2pPr marL="180000" indent="0"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2pPr>
            <a:lvl3pPr marL="360000" indent="0"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3pPr>
            <a:lvl4pPr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4pPr>
            <a:lvl5pPr algn="l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5870091B-4D56-4972-AAC0-AA33B2C6D31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37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13CB960-1A10-4954-9F3C-CA05393BCD67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25C135-3CD0-4F8C-8F43-62DFA18285D7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1522814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600" y="381000"/>
            <a:ext cx="7239600" cy="763200"/>
          </a:xfrm>
        </p:spPr>
        <p:txBody>
          <a:bodyPr rIns="0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F2AF012-FE34-4392-8935-10039193F7D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81600" y="1144800"/>
            <a:ext cx="2570400" cy="2095200"/>
          </a:xfrm>
          <a:solidFill>
            <a:schemeClr val="accent2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endParaRPr lang="en-GB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B5CC8F2-0B7B-4CD1-A996-0F319FC4F9D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337200" y="1144800"/>
            <a:ext cx="2570400" cy="2095200"/>
          </a:xfrm>
          <a:solidFill>
            <a:srgbClr val="45A6DE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8A691847-AEA6-4510-9F02-9FE39F38B8B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292800" y="1144800"/>
            <a:ext cx="2570400" cy="2095200"/>
          </a:xfrm>
          <a:solidFill>
            <a:srgbClr val="1AB092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endParaRPr lang="en-GB" dirty="0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67769ECC-F273-4117-B7F6-B969229E0D8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248400" y="1144800"/>
            <a:ext cx="2570400" cy="2095200"/>
          </a:xfrm>
          <a:solidFill>
            <a:srgbClr val="8A8C8F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C2A97770-4060-47D4-8C33-AB5170852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81600" y="3621050"/>
            <a:ext cx="2570400" cy="2095200"/>
          </a:xfrm>
          <a:solidFill>
            <a:schemeClr val="accent4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CDA10066-E018-4DFD-AE07-561D2D623BF5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337200" y="3621050"/>
            <a:ext cx="2570400" cy="2095200"/>
          </a:xfrm>
          <a:solidFill>
            <a:srgbClr val="1AB092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10DE4F06-B2A3-41C2-B14D-C31E659AF92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92800" y="3621050"/>
            <a:ext cx="2570400" cy="2095200"/>
          </a:xfrm>
          <a:solidFill>
            <a:schemeClr val="accent2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endParaRPr lang="en-GB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18873C99-965C-4D53-9D31-10EB06917B2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248400" y="3621050"/>
            <a:ext cx="2570400" cy="2095200"/>
          </a:xfrm>
          <a:solidFill>
            <a:srgbClr val="45A6DE"/>
          </a:solidFill>
        </p:spPr>
        <p:txBody>
          <a:bodyPr lIns="190800" tIns="648000" rIns="190800" bIns="190800"/>
          <a:lstStyle>
            <a:lvl1pPr marL="0" indent="0">
              <a:spcAft>
                <a:spcPts val="1200"/>
              </a:spcAft>
              <a:buFont typeface="Arial" panose="020B0604020202020204" pitchFamily="34" charset="0"/>
              <a:buChar char="​"/>
              <a:defRPr b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180000">
              <a:spcBef>
                <a:spcPts val="600"/>
              </a:spcBef>
              <a:spcAft>
                <a:spcPts val="0"/>
              </a:spcAft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subhead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43" name="Transperancy 40">
            <a:extLst>
              <a:ext uri="{FF2B5EF4-FFF2-40B4-BE49-F238E27FC236}">
                <a16:creationId xmlns:a16="http://schemas.microsoft.com/office/drawing/2014/main" id="{05347995-964D-439A-AAC1-596071BD764C}"/>
              </a:ext>
            </a:extLst>
          </p:cNvPr>
          <p:cNvSpPr>
            <a:spLocks noGrp="1" noChangeAspect="1"/>
          </p:cNvSpPr>
          <p:nvPr>
            <p:ph type="body" sz="quarter" idx="36" hasCustomPrompt="1"/>
          </p:nvPr>
        </p:nvSpPr>
        <p:spPr>
          <a:xfrm>
            <a:off x="597600" y="9684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None/>
              <a:defRPr sz="2400" b="1">
                <a:solidFill>
                  <a:schemeClr val="bg1"/>
                </a:solidFill>
              </a:defRPr>
            </a:lvl1pPr>
            <a:lvl2pPr>
              <a:defRPr sz="600"/>
            </a:lvl2pPr>
            <a:lvl3pPr>
              <a:defRPr sz="600"/>
            </a:lvl3pPr>
            <a:lvl4pPr>
              <a:defRPr sz="600"/>
            </a:lvl4pPr>
            <a:lvl5pPr>
              <a:defRPr sz="600"/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0C4F1B58-EBDC-44C6-BFF6-36F8A836FD37}"/>
              </a:ext>
            </a:extLst>
          </p:cNvPr>
          <p:cNvSpPr>
            <a:spLocks noGrp="1" noChangeAspect="1"/>
          </p:cNvSpPr>
          <p:nvPr>
            <p:ph type="body" sz="quarter" idx="29" hasCustomPrompt="1"/>
          </p:nvPr>
        </p:nvSpPr>
        <p:spPr>
          <a:xfrm>
            <a:off x="3553200" y="9684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1pPr>
            <a:lvl2pPr marL="180000" indent="0" algn="l">
              <a:buFontTx/>
              <a:buNone/>
              <a:defRPr sz="600">
                <a:noFill/>
              </a:defRPr>
            </a:lvl2pPr>
            <a:lvl3pPr marL="360000" indent="0" algn="l">
              <a:buFontTx/>
              <a:buNone/>
              <a:defRPr sz="600">
                <a:noFill/>
              </a:defRPr>
            </a:lvl3pPr>
            <a:lvl4pPr algn="l">
              <a:buFontTx/>
              <a:buNone/>
              <a:defRPr sz="600">
                <a:noFill/>
              </a:defRPr>
            </a:lvl4pPr>
            <a:lvl5pPr algn="l"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9AC9EEAF-6547-40FF-B0F3-7D7AF9C57DFD}"/>
              </a:ext>
            </a:extLst>
          </p:cNvPr>
          <p:cNvSpPr>
            <a:spLocks noGrp="1" noChangeAspect="1"/>
          </p:cNvSpPr>
          <p:nvPr>
            <p:ph type="body" sz="quarter" idx="30" hasCustomPrompt="1"/>
          </p:nvPr>
        </p:nvSpPr>
        <p:spPr>
          <a:xfrm>
            <a:off x="6505200" y="9684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1pPr>
            <a:lvl2pPr marL="180000" indent="0" algn="l">
              <a:buFontTx/>
              <a:buNone/>
              <a:defRPr sz="600">
                <a:noFill/>
              </a:defRPr>
            </a:lvl2pPr>
            <a:lvl3pPr marL="360000" indent="0" algn="l">
              <a:buFontTx/>
              <a:buNone/>
              <a:defRPr sz="600">
                <a:noFill/>
              </a:defRPr>
            </a:lvl3pPr>
            <a:lvl4pPr algn="l">
              <a:buFontTx/>
              <a:buNone/>
              <a:defRPr sz="600">
                <a:noFill/>
              </a:defRPr>
            </a:lvl4pPr>
            <a:lvl5pPr algn="l"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1D22EF26-9866-44F6-A194-9221F4369D16}"/>
              </a:ext>
            </a:extLst>
          </p:cNvPr>
          <p:cNvSpPr>
            <a:spLocks noGrp="1" noChangeAspect="1"/>
          </p:cNvSpPr>
          <p:nvPr>
            <p:ph type="body" sz="quarter" idx="31" hasCustomPrompt="1"/>
          </p:nvPr>
        </p:nvSpPr>
        <p:spPr>
          <a:xfrm>
            <a:off x="9460800" y="9684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1pPr>
            <a:lvl2pPr marL="180000" indent="0" algn="l">
              <a:buFontTx/>
              <a:buNone/>
              <a:defRPr sz="600">
                <a:noFill/>
              </a:defRPr>
            </a:lvl2pPr>
            <a:lvl3pPr marL="360000" indent="0" algn="l">
              <a:buFontTx/>
              <a:buNone/>
              <a:defRPr sz="600">
                <a:noFill/>
              </a:defRPr>
            </a:lvl3pPr>
            <a:lvl4pPr algn="l">
              <a:buFontTx/>
              <a:buNone/>
              <a:defRPr sz="600">
                <a:noFill/>
              </a:defRPr>
            </a:lvl4pPr>
            <a:lvl5pPr algn="l"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BC77C345-CF1C-40D5-976F-2802D198BA90}"/>
              </a:ext>
            </a:extLst>
          </p:cNvPr>
          <p:cNvSpPr>
            <a:spLocks noGrp="1" noChangeAspect="1"/>
          </p:cNvSpPr>
          <p:nvPr>
            <p:ph type="body" sz="quarter" idx="32" hasCustomPrompt="1"/>
          </p:nvPr>
        </p:nvSpPr>
        <p:spPr>
          <a:xfrm>
            <a:off x="597600" y="34452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1pPr>
            <a:lvl2pPr marL="180000" indent="0" algn="l">
              <a:buFontTx/>
              <a:buNone/>
              <a:defRPr sz="600">
                <a:noFill/>
              </a:defRPr>
            </a:lvl2pPr>
            <a:lvl3pPr marL="360000" indent="0" algn="l">
              <a:buFontTx/>
              <a:buNone/>
              <a:defRPr sz="600">
                <a:noFill/>
              </a:defRPr>
            </a:lvl3pPr>
            <a:lvl4pPr algn="l">
              <a:buFontTx/>
              <a:buNone/>
              <a:defRPr sz="600">
                <a:noFill/>
              </a:defRPr>
            </a:lvl4pPr>
            <a:lvl5pPr algn="l"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049716DB-00EE-42C8-8F09-7DF035549B88}"/>
              </a:ext>
            </a:extLst>
          </p:cNvPr>
          <p:cNvSpPr>
            <a:spLocks noGrp="1" noChangeAspect="1"/>
          </p:cNvSpPr>
          <p:nvPr>
            <p:ph type="body" sz="quarter" idx="33" hasCustomPrompt="1"/>
          </p:nvPr>
        </p:nvSpPr>
        <p:spPr>
          <a:xfrm>
            <a:off x="3553200" y="34452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1pPr>
            <a:lvl2pPr marL="180000" indent="0">
              <a:buFontTx/>
              <a:buNone/>
              <a:defRPr sz="600">
                <a:noFill/>
              </a:defRPr>
            </a:lvl2pPr>
            <a:lvl3pPr marL="360000" indent="0">
              <a:buFontTx/>
              <a:buNone/>
              <a:defRPr sz="600">
                <a:noFill/>
              </a:defRPr>
            </a:lvl3pPr>
            <a:lvl4pPr>
              <a:buFontTx/>
              <a:buNone/>
              <a:defRPr sz="600">
                <a:noFill/>
              </a:defRPr>
            </a:lvl4pPr>
            <a:lvl5pPr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40" name="Text Placeholder 39">
            <a:extLst>
              <a:ext uri="{FF2B5EF4-FFF2-40B4-BE49-F238E27FC236}">
                <a16:creationId xmlns:a16="http://schemas.microsoft.com/office/drawing/2014/main" id="{955D124B-168C-4B45-BCBA-C1A95B665406}"/>
              </a:ext>
            </a:extLst>
          </p:cNvPr>
          <p:cNvSpPr>
            <a:spLocks noGrp="1" noChangeAspect="1"/>
          </p:cNvSpPr>
          <p:nvPr>
            <p:ph type="body" sz="quarter" idx="34" hasCustomPrompt="1"/>
          </p:nvPr>
        </p:nvSpPr>
        <p:spPr>
          <a:xfrm>
            <a:off x="6505200" y="34452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1pPr>
            <a:lvl2pPr marL="180000" indent="0">
              <a:buFontTx/>
              <a:buNone/>
              <a:defRPr sz="600">
                <a:noFill/>
              </a:defRPr>
            </a:lvl2pPr>
            <a:lvl3pPr marL="360000" indent="0">
              <a:buFontTx/>
              <a:buNone/>
              <a:defRPr sz="600">
                <a:noFill/>
              </a:defRPr>
            </a:lvl3pPr>
            <a:lvl4pPr>
              <a:buFontTx/>
              <a:buNone/>
              <a:defRPr sz="600">
                <a:noFill/>
              </a:defRPr>
            </a:lvl4pPr>
            <a:lvl5pPr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42" name="Text Placeholder 41">
            <a:extLst>
              <a:ext uri="{FF2B5EF4-FFF2-40B4-BE49-F238E27FC236}">
                <a16:creationId xmlns:a16="http://schemas.microsoft.com/office/drawing/2014/main" id="{EEE74D1D-1CCA-4FE1-8F10-5378DB656F8D}"/>
              </a:ext>
            </a:extLst>
          </p:cNvPr>
          <p:cNvSpPr>
            <a:spLocks noGrp="1" noChangeAspect="1"/>
          </p:cNvSpPr>
          <p:nvPr>
            <p:ph type="body" sz="quarter" idx="35" hasCustomPrompt="1"/>
          </p:nvPr>
        </p:nvSpPr>
        <p:spPr>
          <a:xfrm>
            <a:off x="9460800" y="3445200"/>
            <a:ext cx="554400" cy="554400"/>
          </a:xfrm>
          <a:solidFill>
            <a:srgbClr val="D20014"/>
          </a:solidFill>
        </p:spPr>
        <p:txBody>
          <a:bodyPr anchor="ctr" anchorCtr="0"/>
          <a:lstStyle>
            <a:lvl1pPr marL="0" indent="0" algn="ctr">
              <a:spcAft>
                <a:spcPts val="0"/>
              </a:spcAft>
              <a:buFontTx/>
              <a:buNone/>
              <a:defRPr sz="2400" b="1">
                <a:solidFill>
                  <a:schemeClr val="bg1"/>
                </a:solidFill>
              </a:defRPr>
            </a:lvl1pPr>
            <a:lvl2pPr marL="180000" indent="0">
              <a:buFontTx/>
              <a:buNone/>
              <a:defRPr sz="600">
                <a:noFill/>
              </a:defRPr>
            </a:lvl2pPr>
            <a:lvl3pPr marL="360000" indent="0">
              <a:buFontTx/>
              <a:buNone/>
              <a:defRPr sz="600">
                <a:noFill/>
              </a:defRPr>
            </a:lvl3pPr>
            <a:lvl4pPr>
              <a:buFontTx/>
              <a:buNone/>
              <a:defRPr sz="600">
                <a:noFill/>
              </a:defRPr>
            </a:lvl4pPr>
            <a:lvl5pPr>
              <a:buFontTx/>
              <a:buNone/>
              <a:defRPr sz="600">
                <a:noFill/>
              </a:defRPr>
            </a:lvl5pPr>
          </a:lstStyle>
          <a:p>
            <a:pPr lvl="0"/>
            <a:r>
              <a:rPr lang="en-GB" dirty="0"/>
              <a:t>X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64478E59-B938-4C0E-848E-0D68B2CFA36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37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1369A60-B86B-4D6D-AFE8-622300C2645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EACCF73-1922-4168-96DB-3D6B56F773D8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1915552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 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Background">
            <a:extLst>
              <a:ext uri="{FF2B5EF4-FFF2-40B4-BE49-F238E27FC236}">
                <a16:creationId xmlns:a16="http://schemas.microsoft.com/office/drawing/2014/main" id="{E3599075-2776-4465-B2B0-160B219C71F1}"/>
              </a:ext>
            </a:extLst>
          </p:cNvPr>
          <p:cNvSpPr/>
          <p:nvPr userDrawn="1"/>
        </p:nvSpPr>
        <p:spPr>
          <a:xfrm>
            <a:off x="-408870" y="0"/>
            <a:ext cx="12193200" cy="68616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81600" y="2903988"/>
            <a:ext cx="11429400" cy="664797"/>
          </a:xfrm>
        </p:spPr>
        <p:txBody>
          <a:bodyPr anchor="ctr" anchorCtr="0">
            <a:spAutoFit/>
          </a:bodyPr>
          <a:lstStyle>
            <a:lvl1pPr algn="ctr">
              <a:lnSpc>
                <a:spcPct val="90000"/>
              </a:lnSpc>
              <a:defRPr sz="4800">
                <a:solidFill>
                  <a:srgbClr val="FF7768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A0A133EA-1315-493E-9DE6-E0C00717A61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33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0019C2F-0F80-4DED-ADBF-5C239FD4D512}"/>
              </a:ext>
            </a:extLst>
          </p:cNvPr>
          <p:cNvSpPr>
            <a:spLocks noGrp="1"/>
          </p:cNvSpPr>
          <p:nvPr>
            <p:ph type="ftr" sz="quarter" idx="34"/>
          </p:nvPr>
        </p:nvSpPr>
        <p:spPr>
          <a:xfrm>
            <a:off x="3429000" y="6096000"/>
            <a:ext cx="8001000" cy="3804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523F5B7-958F-40A2-A429-267AFFBCBE55}"/>
              </a:ext>
            </a:extLst>
          </p:cNvPr>
          <p:cNvSpPr>
            <a:spLocks noGrp="1"/>
          </p:cNvSpPr>
          <p:nvPr>
            <p:ph type="sldNum" sz="quarter" idx="35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B71125B-BCA5-42F7-BB8D-32C8D15EFA7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81609" y="6096189"/>
            <a:ext cx="2083261" cy="38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49117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B 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Background">
            <a:extLst>
              <a:ext uri="{FF2B5EF4-FFF2-40B4-BE49-F238E27FC236}">
                <a16:creationId xmlns:a16="http://schemas.microsoft.com/office/drawing/2014/main" id="{E3599075-2776-4465-B2B0-160B219C71F1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81600" y="2903988"/>
            <a:ext cx="11429400" cy="664797"/>
          </a:xfrm>
        </p:spPr>
        <p:txBody>
          <a:bodyPr anchor="ctr" anchorCtr="0">
            <a:spAutoFit/>
          </a:bodyPr>
          <a:lstStyle>
            <a:lvl1pPr algn="ctr">
              <a:lnSpc>
                <a:spcPct val="90000"/>
              </a:lnSpc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A0A133EA-1315-493E-9DE6-E0C00717A61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33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0019C2F-0F80-4DED-ADBF-5C239FD4D512}"/>
              </a:ext>
            </a:extLst>
          </p:cNvPr>
          <p:cNvSpPr>
            <a:spLocks noGrp="1"/>
          </p:cNvSpPr>
          <p:nvPr>
            <p:ph type="ftr" sz="quarter" idx="34"/>
          </p:nvPr>
        </p:nvSpPr>
        <p:spPr>
          <a:xfrm>
            <a:off x="3429000" y="6096000"/>
            <a:ext cx="8001000" cy="380400"/>
          </a:xfrm>
        </p:spPr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523F5B7-958F-40A2-A429-267AFFBCBE55}"/>
              </a:ext>
            </a:extLst>
          </p:cNvPr>
          <p:cNvSpPr>
            <a:spLocks noGrp="1"/>
          </p:cNvSpPr>
          <p:nvPr>
            <p:ph type="sldNum" sz="quarter" idx="35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B71125B-BCA5-42F7-BB8D-32C8D15EFA7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81609" y="6096189"/>
            <a:ext cx="2083261" cy="38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611335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1600" y="381000"/>
            <a:ext cx="11429400" cy="7632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81600" y="1524000"/>
            <a:ext cx="11429400" cy="4190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, Avenir Next LT Pro 18 pt</a:t>
            </a:r>
          </a:p>
          <a:p>
            <a:pPr lvl="1"/>
            <a:r>
              <a:rPr lang="en-GB" noProof="0" dirty="0"/>
              <a:t>Level 2, Avenir Next LT Pro 16 pt</a:t>
            </a:r>
          </a:p>
          <a:p>
            <a:pPr lvl="2"/>
            <a:r>
              <a:rPr lang="en-GB" noProof="0" dirty="0"/>
              <a:t>Level 3, Avenir Next LT Pro 18 pt</a:t>
            </a:r>
          </a:p>
          <a:p>
            <a:pPr lvl="3"/>
            <a:r>
              <a:rPr lang="en-GB" noProof="0" dirty="0"/>
              <a:t>Level 4, Header, Avenir Next LT Pro Bold 18 pt</a:t>
            </a:r>
          </a:p>
          <a:p>
            <a:pPr lvl="4"/>
            <a:r>
              <a:rPr lang="en-GB" noProof="0" dirty="0"/>
              <a:t>Level 5, Body, Avenir Next LT Pro 18 pt</a:t>
            </a:r>
          </a:p>
          <a:p>
            <a:pPr lvl="5"/>
            <a:r>
              <a:rPr lang="en-GB" noProof="0" dirty="0"/>
              <a:t>Level 6, Avenir Next LT Pro 14 pt</a:t>
            </a:r>
          </a:p>
          <a:p>
            <a:pPr lvl="6"/>
            <a:r>
              <a:rPr lang="en-GB" noProof="0" dirty="0"/>
              <a:t>Level 7, Small Header, Avenir Next LT Pro Bold 14 pt</a:t>
            </a:r>
          </a:p>
          <a:p>
            <a:pPr lvl="7"/>
            <a:r>
              <a:rPr lang="en-GB" noProof="0" dirty="0"/>
              <a:t>Level 8, Small Body, </a:t>
            </a:r>
            <a:r>
              <a:rPr lang="en-GB" dirty="0"/>
              <a:t>Avenir Next LT Pro 14 pt</a:t>
            </a:r>
            <a:endParaRPr lang="en-GB" noProof="0" dirty="0"/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r">
              <a:defRPr sz="800">
                <a:noFill/>
              </a:defRPr>
            </a:lvl1pPr>
          </a:lstStyle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286000" y="6096000"/>
            <a:ext cx="9144000" cy="380400"/>
          </a:xfrm>
          <a:prstGeom prst="rect">
            <a:avLst/>
          </a:prstGeom>
        </p:spPr>
        <p:txBody>
          <a:bodyPr vert="horz" lIns="0" tIns="234000" rIns="0" bIns="0" rtlCol="0" anchor="ctr" anchorCtr="0"/>
          <a:lstStyle>
            <a:lvl1pPr algn="r">
              <a:lnSpc>
                <a:spcPct val="90000"/>
              </a:lnSpc>
              <a:defRPr sz="800">
                <a:solidFill>
                  <a:schemeClr val="tx1"/>
                </a:solidFill>
              </a:defRPr>
            </a:lvl1pPr>
          </a:lstStyle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30000" y="6096000"/>
            <a:ext cx="381000" cy="380400"/>
          </a:xfrm>
          <a:prstGeom prst="rect">
            <a:avLst/>
          </a:prstGeom>
        </p:spPr>
        <p:txBody>
          <a:bodyPr vert="horz" lIns="0" tIns="234000" rIns="0" bIns="0" rtlCol="0" anchor="ctr" anchorCtr="0"/>
          <a:lstStyle>
            <a:lvl1pPr algn="r">
              <a:lnSpc>
                <a:spcPct val="90000"/>
              </a:lnSpc>
              <a:defRPr sz="8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7AB8F26B-B262-492C-B8DF-E62D63782D88}"/>
              </a:ext>
            </a:extLst>
          </p:cNvPr>
          <p:cNvPicPr>
            <a:picLocks noChangeAspect="1"/>
          </p:cNvPicPr>
          <p:nvPr userDrawn="1"/>
        </p:nvPicPr>
        <p:blipFill>
          <a:blip r:embed="rId4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5"/>
              </a:ext>
            </a:extLst>
          </a:blip>
          <a:srcRect/>
          <a:stretch/>
        </p:blipFill>
        <p:spPr>
          <a:xfrm>
            <a:off x="381603" y="6286500"/>
            <a:ext cx="1042141" cy="190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6" r:id="rId1"/>
    <p:sldLayoutId id="2147483797" r:id="rId2"/>
    <p:sldLayoutId id="2147483729" r:id="rId3"/>
    <p:sldLayoutId id="2147483798" r:id="rId4"/>
    <p:sldLayoutId id="2147483799" r:id="rId5"/>
    <p:sldLayoutId id="2147483778" r:id="rId6"/>
    <p:sldLayoutId id="2147483777" r:id="rId7"/>
    <p:sldLayoutId id="2147483800" r:id="rId8"/>
    <p:sldLayoutId id="2147483803" r:id="rId9"/>
    <p:sldLayoutId id="2147483804" r:id="rId10"/>
    <p:sldLayoutId id="2147483819" r:id="rId11"/>
    <p:sldLayoutId id="2147483805" r:id="rId12"/>
    <p:sldLayoutId id="2147483771" r:id="rId13"/>
    <p:sldLayoutId id="2147483807" r:id="rId14"/>
    <p:sldLayoutId id="2147483806" r:id="rId15"/>
    <p:sldLayoutId id="2147483808" r:id="rId16"/>
    <p:sldLayoutId id="2147483732" r:id="rId17"/>
    <p:sldLayoutId id="2147483802" r:id="rId18"/>
    <p:sldLayoutId id="2147483755" r:id="rId19"/>
    <p:sldLayoutId id="2147483757" r:id="rId20"/>
    <p:sldLayoutId id="2147483809" r:id="rId21"/>
    <p:sldLayoutId id="2147483769" r:id="rId22"/>
    <p:sldLayoutId id="2147483815" r:id="rId23"/>
    <p:sldLayoutId id="2147483779" r:id="rId24"/>
    <p:sldLayoutId id="2147483780" r:id="rId25"/>
    <p:sldLayoutId id="2147483781" r:id="rId26"/>
    <p:sldLayoutId id="2147483812" r:id="rId27"/>
    <p:sldLayoutId id="2147483814" r:id="rId28"/>
    <p:sldLayoutId id="2147483813" r:id="rId29"/>
    <p:sldLayoutId id="2147483786" r:id="rId30"/>
    <p:sldLayoutId id="2147483789" r:id="rId31"/>
    <p:sldLayoutId id="2147483790" r:id="rId32"/>
    <p:sldLayoutId id="2147483791" r:id="rId33"/>
    <p:sldLayoutId id="2147483794" r:id="rId34"/>
    <p:sldLayoutId id="2147483792" r:id="rId35"/>
    <p:sldLayoutId id="2147483810" r:id="rId36"/>
    <p:sldLayoutId id="2147483811" r:id="rId37"/>
    <p:sldLayoutId id="2147483784" r:id="rId38"/>
    <p:sldLayoutId id="2147483743" r:id="rId39"/>
    <p:sldLayoutId id="2147483744" r:id="rId40"/>
    <p:sldLayoutId id="2147483760" r:id="rId41"/>
    <p:sldLayoutId id="2147483751" r:id="rId42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176400" indent="-1764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320400" indent="-144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>
          <a:schemeClr val="accent1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460800" indent="-126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–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1200"/>
        </a:spcBef>
        <a:spcAft>
          <a:spcPts val="600"/>
        </a:spcAft>
        <a:buFont typeface="Arial" panose="020B0604020202020204" pitchFamily="34" charset="0"/>
        <a:buChar char="​"/>
        <a:defRPr sz="18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144000" indent="-144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>
          <a:schemeClr val="accent1"/>
        </a:buClr>
        <a:buFont typeface="Wingdings" panose="05000000000000000000" pitchFamily="2" charset="2"/>
        <a:buChar char="§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200"/>
        </a:spcBef>
        <a:spcAft>
          <a:spcPts val="600"/>
        </a:spcAft>
        <a:buFont typeface="Arial" panose="020B0604020202020204" pitchFamily="34" charset="0"/>
        <a:buChar char="​"/>
        <a:defRPr sz="14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44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80" userDrawn="1">
          <p15:clr>
            <a:srgbClr val="F26B43"/>
          </p15:clr>
        </p15:guide>
        <p15:guide id="2" pos="720" userDrawn="1">
          <p15:clr>
            <a:srgbClr val="F26B43"/>
          </p15:clr>
        </p15:guide>
        <p15:guide id="3" orient="horz" pos="240" userDrawn="1">
          <p15:clr>
            <a:srgbClr val="F26B43"/>
          </p15:clr>
        </p15:guide>
        <p15:guide id="4" orient="horz" pos="4080" userDrawn="1">
          <p15:clr>
            <a:srgbClr val="F26B43"/>
          </p15:clr>
        </p15:guide>
        <p15:guide id="5" pos="960" userDrawn="1">
          <p15:clr>
            <a:srgbClr val="F26B43"/>
          </p15:clr>
        </p15:guide>
        <p15:guide id="6" pos="1200" userDrawn="1">
          <p15:clr>
            <a:srgbClr val="F26B43"/>
          </p15:clr>
        </p15:guide>
        <p15:guide id="7" pos="1440" userDrawn="1">
          <p15:clr>
            <a:srgbClr val="F26B43"/>
          </p15:clr>
        </p15:guide>
        <p15:guide id="8" pos="1680" userDrawn="1">
          <p15:clr>
            <a:srgbClr val="F26B43"/>
          </p15:clr>
        </p15:guide>
        <p15:guide id="9" pos="1920" userDrawn="1">
          <p15:clr>
            <a:srgbClr val="F26B43"/>
          </p15:clr>
        </p15:guide>
        <p15:guide id="10" pos="2160" userDrawn="1">
          <p15:clr>
            <a:srgbClr val="F26B43"/>
          </p15:clr>
        </p15:guide>
        <p15:guide id="11" pos="2400" userDrawn="1">
          <p15:clr>
            <a:srgbClr val="F26B43"/>
          </p15:clr>
        </p15:guide>
        <p15:guide id="12" pos="2640" userDrawn="1">
          <p15:clr>
            <a:srgbClr val="F26B43"/>
          </p15:clr>
        </p15:guide>
        <p15:guide id="13" pos="2880" userDrawn="1">
          <p15:clr>
            <a:srgbClr val="F26B43"/>
          </p15:clr>
        </p15:guide>
        <p15:guide id="14" pos="3120" userDrawn="1">
          <p15:clr>
            <a:srgbClr val="F26B43"/>
          </p15:clr>
        </p15:guide>
        <p15:guide id="15" pos="3360" userDrawn="1">
          <p15:clr>
            <a:srgbClr val="F26B43"/>
          </p15:clr>
        </p15:guide>
        <p15:guide id="16" pos="3600" userDrawn="1">
          <p15:clr>
            <a:srgbClr val="F26B43"/>
          </p15:clr>
        </p15:guide>
        <p15:guide id="17" pos="3840" userDrawn="1">
          <p15:clr>
            <a:srgbClr val="F26B43"/>
          </p15:clr>
        </p15:guide>
        <p15:guide id="18" pos="4080" userDrawn="1">
          <p15:clr>
            <a:srgbClr val="F26B43"/>
          </p15:clr>
        </p15:guide>
        <p15:guide id="19" pos="4320" userDrawn="1">
          <p15:clr>
            <a:srgbClr val="F26B43"/>
          </p15:clr>
        </p15:guide>
        <p15:guide id="20" pos="4560" userDrawn="1">
          <p15:clr>
            <a:srgbClr val="F26B43"/>
          </p15:clr>
        </p15:guide>
        <p15:guide id="21" pos="4800" userDrawn="1">
          <p15:clr>
            <a:srgbClr val="F26B43"/>
          </p15:clr>
        </p15:guide>
        <p15:guide id="22" pos="5040" userDrawn="1">
          <p15:clr>
            <a:srgbClr val="F26B43"/>
          </p15:clr>
        </p15:guide>
        <p15:guide id="23" pos="5280" userDrawn="1">
          <p15:clr>
            <a:srgbClr val="F26B43"/>
          </p15:clr>
        </p15:guide>
        <p15:guide id="24" pos="5520" userDrawn="1">
          <p15:clr>
            <a:srgbClr val="F26B43"/>
          </p15:clr>
        </p15:guide>
        <p15:guide id="25" pos="5760" userDrawn="1">
          <p15:clr>
            <a:srgbClr val="F26B43"/>
          </p15:clr>
        </p15:guide>
        <p15:guide id="26" pos="6000" userDrawn="1">
          <p15:clr>
            <a:srgbClr val="F26B43"/>
          </p15:clr>
        </p15:guide>
        <p15:guide id="27" pos="6240" userDrawn="1">
          <p15:clr>
            <a:srgbClr val="F26B43"/>
          </p15:clr>
        </p15:guide>
        <p15:guide id="28" pos="6480" userDrawn="1">
          <p15:clr>
            <a:srgbClr val="F26B43"/>
          </p15:clr>
        </p15:guide>
        <p15:guide id="29" pos="7200" userDrawn="1">
          <p15:clr>
            <a:srgbClr val="F26B43"/>
          </p15:clr>
        </p15:guide>
        <p15:guide id="30" pos="7440" userDrawn="1">
          <p15:clr>
            <a:srgbClr val="F26B43"/>
          </p15:clr>
        </p15:guide>
        <p15:guide id="31" pos="239" userDrawn="1">
          <p15:clr>
            <a:srgbClr val="F26B43"/>
          </p15:clr>
        </p15:guide>
        <p15:guide id="32" orient="horz" pos="480" userDrawn="1">
          <p15:clr>
            <a:srgbClr val="F26B43"/>
          </p15:clr>
        </p15:guide>
        <p15:guide id="33" orient="horz" pos="720" userDrawn="1">
          <p15:clr>
            <a:srgbClr val="F26B43"/>
          </p15:clr>
        </p15:guide>
        <p15:guide id="34" orient="horz" pos="960" userDrawn="1">
          <p15:clr>
            <a:srgbClr val="F26B43"/>
          </p15:clr>
        </p15:guide>
        <p15:guide id="35" orient="horz" pos="1200" userDrawn="1">
          <p15:clr>
            <a:srgbClr val="F26B43"/>
          </p15:clr>
        </p15:guide>
        <p15:guide id="36" orient="horz" pos="1920" userDrawn="1">
          <p15:clr>
            <a:srgbClr val="F26B43"/>
          </p15:clr>
        </p15:guide>
        <p15:guide id="37" orient="horz" pos="2160" userDrawn="1">
          <p15:clr>
            <a:srgbClr val="F26B43"/>
          </p15:clr>
        </p15:guide>
        <p15:guide id="38" orient="horz" pos="2400" userDrawn="1">
          <p15:clr>
            <a:srgbClr val="F26B43"/>
          </p15:clr>
        </p15:guide>
        <p15:guide id="39" orient="horz" pos="2640" userDrawn="1">
          <p15:clr>
            <a:srgbClr val="F26B43"/>
          </p15:clr>
        </p15:guide>
        <p15:guide id="40" orient="horz" pos="2880" userDrawn="1">
          <p15:clr>
            <a:srgbClr val="F26B43"/>
          </p15:clr>
        </p15:guide>
        <p15:guide id="41" orient="horz" pos="3120" userDrawn="1">
          <p15:clr>
            <a:srgbClr val="F26B43"/>
          </p15:clr>
        </p15:guide>
        <p15:guide id="42" orient="horz" pos="3360" userDrawn="1">
          <p15:clr>
            <a:srgbClr val="F26B43"/>
          </p15:clr>
        </p15:guide>
        <p15:guide id="43" orient="horz" pos="3600" userDrawn="1">
          <p15:clr>
            <a:srgbClr val="F26B43"/>
          </p15:clr>
        </p15:guide>
        <p15:guide id="44" pos="6720" userDrawn="1">
          <p15:clr>
            <a:srgbClr val="F26B43"/>
          </p15:clr>
        </p15:guide>
        <p15:guide id="45" pos="6960" userDrawn="1">
          <p15:clr>
            <a:srgbClr val="F26B43"/>
          </p15:clr>
        </p15:guide>
        <p15:guide id="46" orient="horz" pos="1440" userDrawn="1">
          <p15:clr>
            <a:srgbClr val="F26B43"/>
          </p15:clr>
        </p15:guide>
        <p15:guide id="47" orient="horz" pos="1680" userDrawn="1">
          <p15:clr>
            <a:srgbClr val="F26B43"/>
          </p15:clr>
        </p15:guide>
        <p15:guide id="48" orient="horz" pos="384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5" Type="http://schemas.openxmlformats.org/officeDocument/2006/relationships/image" Target="../media/image16.jpeg"/><Relationship Id="rId4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svg"/><Relationship Id="rId7" Type="http://schemas.openxmlformats.org/officeDocument/2006/relationships/image" Target="../media/image22.sv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23.xml"/><Relationship Id="rId6" Type="http://schemas.openxmlformats.org/officeDocument/2006/relationships/image" Target="../media/image21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png"/><Relationship Id="rId3" Type="http://schemas.openxmlformats.org/officeDocument/2006/relationships/slideLayout" Target="../slideLayouts/slideLayout11.xml"/><Relationship Id="rId7" Type="http://schemas.openxmlformats.org/officeDocument/2006/relationships/image" Target="../media/image4.svg"/><Relationship Id="rId2" Type="http://schemas.openxmlformats.org/officeDocument/2006/relationships/tags" Target="../tags/tag3.xml"/><Relationship Id="rId1" Type="http://schemas.openxmlformats.org/officeDocument/2006/relationships/tags" Target="../tags/tag2.xml"/><Relationship Id="rId6" Type="http://schemas.openxmlformats.org/officeDocument/2006/relationships/image" Target="../media/image3.png"/><Relationship Id="rId11" Type="http://schemas.openxmlformats.org/officeDocument/2006/relationships/image" Target="../media/image27.svg"/><Relationship Id="rId5" Type="http://schemas.microsoft.com/office/2007/relationships/hdphoto" Target="../media/hdphoto1.wdp"/><Relationship Id="rId10" Type="http://schemas.openxmlformats.org/officeDocument/2006/relationships/image" Target="../media/image26.png"/><Relationship Id="rId4" Type="http://schemas.openxmlformats.org/officeDocument/2006/relationships/image" Target="../media/image23.png"/><Relationship Id="rId9" Type="http://schemas.openxmlformats.org/officeDocument/2006/relationships/image" Target="../media/image25.svg"/></Relationships>
</file>

<file path=ppt/slides/_rels/slide4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jpeg"/><Relationship Id="rId1" Type="http://schemas.openxmlformats.org/officeDocument/2006/relationships/slideLayout" Target="../slideLayouts/slideLayout1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Placeholder 1">
            <a:extLst>
              <a:ext uri="{FF2B5EF4-FFF2-40B4-BE49-F238E27FC236}">
                <a16:creationId xmlns:a16="http://schemas.microsoft.com/office/drawing/2014/main" id="{B6E45185-F865-B59F-A950-557185334569}"/>
              </a:ext>
            </a:extLst>
          </p:cNvPr>
          <p:cNvPicPr>
            <a:picLocks noGrp="1" noChangeAspect="1"/>
          </p:cNvPicPr>
          <p:nvPr>
            <p:ph type="pic" sz="quarter" idx="22"/>
            <p:custDataLst>
              <p:tags r:id="rId3"/>
            </p:custDataLst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4148" b="12498"/>
          <a:stretch/>
        </p:blipFill>
        <p:spPr>
          <a:xfrm>
            <a:off x="0" y="761999"/>
            <a:ext cx="6858000" cy="3810001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F1B2B899-4BEA-61B4-1645-75754DF1D33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Mirella Vitale</a:t>
            </a:r>
            <a:br>
              <a:rPr lang="en-GB" dirty="0"/>
            </a:br>
            <a:r>
              <a:rPr lang="en-GB" sz="2800" dirty="0"/>
              <a:t>SVP, Marketing Communications, and Public Affairs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FD25AA1-D6D7-F5EC-F065-8E588CCA37BE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D2E4413-C009-DAF7-2452-D6696FD84AA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/>
              <a:pPr/>
              <a:t>1</a:t>
            </a:fld>
            <a:endParaRPr lang="en-GB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0E40A074-9F33-00E2-6D79-194F31F9335B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BE2E06-D5F6-DE09-DA38-F00277987626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6400041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E821581-ABCE-FB31-7A16-95A84135827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100000"/>
              </a:lnSpc>
              <a:tabLst>
                <a:tab pos="1341438" algn="l"/>
              </a:tabLst>
            </a:pPr>
            <a:r>
              <a:rPr lang="pl-PL" sz="4000" dirty="0"/>
              <a:t>The </a:t>
            </a:r>
            <a:r>
              <a:rPr lang="pl-PL" sz="4000" dirty="0" err="1"/>
              <a:t>efficiency</a:t>
            </a:r>
            <a:r>
              <a:rPr lang="pl-PL" sz="4000" dirty="0"/>
              <a:t> </a:t>
            </a:r>
            <a:r>
              <a:rPr lang="pl-PL" sz="4000" dirty="0" err="1"/>
              <a:t>dividend</a:t>
            </a:r>
            <a:endParaRPr lang="pl-PL" sz="400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3A7E2FF-A8C6-0444-E81A-1807BB458AC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79413" y="3429000"/>
            <a:ext cx="3429000" cy="2285400"/>
          </a:xfrm>
        </p:spPr>
        <p:txBody>
          <a:bodyPr/>
          <a:lstStyle/>
          <a:p>
            <a:pPr marL="0" indent="0">
              <a:lnSpc>
                <a:spcPct val="100000"/>
              </a:lnSpc>
              <a:buNone/>
            </a:pPr>
            <a:r>
              <a:rPr lang="en-US" sz="2400" dirty="0"/>
              <a:t>annual turnover of </a:t>
            </a:r>
            <a:br>
              <a:rPr lang="en-US" sz="2400" dirty="0"/>
            </a:br>
            <a:r>
              <a:rPr lang="en-US" sz="2400" dirty="0"/>
              <a:t>EU efficiency industry</a:t>
            </a:r>
            <a:endParaRPr lang="pl-PL" sz="2400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7274BBE-957D-D6C1-6F9E-502E190FC34A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191000" y="3429000"/>
            <a:ext cx="3429000" cy="2285400"/>
          </a:xfrm>
        </p:spPr>
        <p:txBody>
          <a:bodyPr/>
          <a:lstStyle/>
          <a:p>
            <a:pPr marL="0" indent="0">
              <a:lnSpc>
                <a:spcPct val="100000"/>
              </a:lnSpc>
              <a:buNone/>
            </a:pPr>
            <a:r>
              <a:rPr lang="pl-PL" sz="2400" dirty="0" err="1"/>
              <a:t>annual</a:t>
            </a:r>
            <a:r>
              <a:rPr lang="pl-PL" sz="2400" dirty="0"/>
              <a:t> </a:t>
            </a:r>
            <a:r>
              <a:rPr lang="pl-PL" sz="2400" dirty="0" err="1"/>
              <a:t>household</a:t>
            </a:r>
            <a:r>
              <a:rPr lang="pl-PL" sz="2400" dirty="0"/>
              <a:t> </a:t>
            </a:r>
            <a:br>
              <a:rPr lang="en-GB" sz="2400" dirty="0"/>
            </a:br>
            <a:r>
              <a:rPr lang="pl-PL" sz="2400" dirty="0" err="1"/>
              <a:t>savings</a:t>
            </a:r>
            <a:r>
              <a:rPr lang="pl-PL" sz="2400" dirty="0"/>
              <a:t> (2023)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12B8774-C186-057A-2942-FAF5AD7B7B34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8001000" y="3429000"/>
            <a:ext cx="3429000" cy="2285400"/>
          </a:xfrm>
        </p:spPr>
        <p:txBody>
          <a:bodyPr/>
          <a:lstStyle/>
          <a:p>
            <a:pPr marL="0" indent="0">
              <a:lnSpc>
                <a:spcPct val="100000"/>
              </a:lnSpc>
              <a:buNone/>
            </a:pPr>
            <a:r>
              <a:rPr lang="en-US" sz="2000" dirty="0"/>
              <a:t>gas imports avoided = </a:t>
            </a:r>
            <a:br>
              <a:rPr lang="en-US" sz="2000" dirty="0"/>
            </a:br>
            <a:r>
              <a:rPr lang="en-US" sz="2000" dirty="0"/>
              <a:t>more than EU imported </a:t>
            </a:r>
            <a:br>
              <a:rPr lang="en-US" sz="2000" dirty="0"/>
            </a:br>
            <a:r>
              <a:rPr lang="en-US" sz="2000" dirty="0"/>
              <a:t>from Russia last year</a:t>
            </a:r>
            <a:endParaRPr lang="pl-PL" sz="2000" dirty="0"/>
          </a:p>
        </p:txBody>
      </p:sp>
      <p:sp>
        <p:nvSpPr>
          <p:cNvPr id="6" name="Subtitle 5">
            <a:extLst>
              <a:ext uri="{FF2B5EF4-FFF2-40B4-BE49-F238E27FC236}">
                <a16:creationId xmlns:a16="http://schemas.microsoft.com/office/drawing/2014/main" id="{EA9BDBB3-6511-D2F6-608E-F1FF6CDD05A2}"/>
              </a:ext>
            </a:extLst>
          </p:cNvPr>
          <p:cNvSpPr>
            <a:spLocks noGrp="1"/>
          </p:cNvSpPr>
          <p:nvPr>
            <p:ph type="subTitle" idx="43"/>
          </p:nvPr>
        </p:nvSpPr>
        <p:spPr/>
        <p:txBody>
          <a:bodyPr/>
          <a:lstStyle/>
          <a:p>
            <a:endParaRPr lang="pl-P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DA51596-3B8B-14E4-4349-BE2BB10FE7C3}"/>
              </a:ext>
            </a:extLst>
          </p:cNvPr>
          <p:cNvSpPr>
            <a:spLocks noGrp="1"/>
          </p:cNvSpPr>
          <p:nvPr>
            <p:ph type="dt" sz="half" idx="40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A530AF3-238C-BB05-E750-CE7C6C3634C9}"/>
              </a:ext>
            </a:extLst>
          </p:cNvPr>
          <p:cNvSpPr>
            <a:spLocks noGrp="1"/>
          </p:cNvSpPr>
          <p:nvPr>
            <p:ph type="ftr" sz="quarter" idx="41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B7B695B-7017-A6FA-1BAD-D9B50A84E298}"/>
              </a:ext>
            </a:extLst>
          </p:cNvPr>
          <p:cNvSpPr>
            <a:spLocks noGrp="1"/>
          </p:cNvSpPr>
          <p:nvPr>
            <p:ph type="sldNum" sz="quarter" idx="4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212B477D-B141-70A3-52E3-285C0CA4F6A4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381000" y="2667000"/>
            <a:ext cx="2286000" cy="762000"/>
          </a:xfrm>
          <a:noFill/>
        </p:spPr>
        <p:txBody>
          <a:bodyPr anchor="t"/>
          <a:lstStyle/>
          <a:p>
            <a:pPr algn="l"/>
            <a:r>
              <a:rPr lang="pl-PL" dirty="0"/>
              <a:t>€150</a:t>
            </a:r>
            <a:r>
              <a:rPr lang="en-GB" dirty="0"/>
              <a:t>b</a:t>
            </a:r>
            <a:r>
              <a:rPr lang="pl-PL" dirty="0"/>
              <a:t> 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E27ED73-591E-F696-5F88-84CC5FEE9B9B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4196998" y="2667000"/>
            <a:ext cx="2280001" cy="762000"/>
          </a:xfrm>
          <a:noFill/>
        </p:spPr>
        <p:txBody>
          <a:bodyPr anchor="t"/>
          <a:lstStyle/>
          <a:p>
            <a:pPr algn="l"/>
            <a:r>
              <a:rPr lang="pl-PL" dirty="0"/>
              <a:t>€540 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813C42AD-72C0-B1DA-B37C-B2AB3CD1FA5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8012998" y="2667000"/>
            <a:ext cx="2655002" cy="762000"/>
          </a:xfrm>
          <a:noFill/>
        </p:spPr>
        <p:txBody>
          <a:bodyPr anchor="t"/>
          <a:lstStyle/>
          <a:p>
            <a:pPr algn="l"/>
            <a:r>
              <a:rPr lang="pl-PL" dirty="0"/>
              <a:t>44 </a:t>
            </a:r>
            <a:r>
              <a:rPr lang="pl-PL" dirty="0" err="1"/>
              <a:t>bcm</a:t>
            </a:r>
            <a:r>
              <a:rPr lang="pl-PL" dirty="0"/>
              <a:t> </a:t>
            </a:r>
          </a:p>
        </p:txBody>
      </p:sp>
      <p:grpSp>
        <p:nvGrpSpPr>
          <p:cNvPr id="20" name="Group 19">
            <a:extLst>
              <a:ext uri="{FF2B5EF4-FFF2-40B4-BE49-F238E27FC236}">
                <a16:creationId xmlns:a16="http://schemas.microsoft.com/office/drawing/2014/main" id="{DDC97D6F-E6D2-9CA2-D9A9-94D544C2B2A0}"/>
              </a:ext>
            </a:extLst>
          </p:cNvPr>
          <p:cNvGrpSpPr/>
          <p:nvPr/>
        </p:nvGrpSpPr>
        <p:grpSpPr>
          <a:xfrm>
            <a:off x="3810000" y="1524000"/>
            <a:ext cx="3816000" cy="4191000"/>
            <a:chOff x="3810000" y="2286000"/>
            <a:chExt cx="3816000" cy="3429000"/>
          </a:xfrm>
        </p:grpSpPr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45CAD66A-D138-6C1A-9C9F-97BAB13D67B5}"/>
                </a:ext>
              </a:extLst>
            </p:cNvPr>
            <p:cNvCxnSpPr>
              <a:cxnSpLocks/>
            </p:cNvCxnSpPr>
            <p:nvPr/>
          </p:nvCxnSpPr>
          <p:spPr>
            <a:xfrm>
              <a:off x="3810000" y="2286000"/>
              <a:ext cx="0" cy="3429000"/>
            </a:xfrm>
            <a:prstGeom prst="line">
              <a:avLst/>
            </a:prstGeom>
            <a:ln w="19050">
              <a:solidFill>
                <a:srgbClr val="B1B2B4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774DDF7A-D1A6-9F06-229F-F677CCE34CD1}"/>
                </a:ext>
              </a:extLst>
            </p:cNvPr>
            <p:cNvCxnSpPr>
              <a:cxnSpLocks/>
            </p:cNvCxnSpPr>
            <p:nvPr/>
          </p:nvCxnSpPr>
          <p:spPr>
            <a:xfrm>
              <a:off x="7626000" y="2286000"/>
              <a:ext cx="0" cy="3429000"/>
            </a:xfrm>
            <a:prstGeom prst="line">
              <a:avLst/>
            </a:prstGeom>
            <a:ln w="19050">
              <a:solidFill>
                <a:srgbClr val="B1B2B4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pic>
        <p:nvPicPr>
          <p:cNvPr id="19" name="Graphic 18">
            <a:extLst>
              <a:ext uri="{FF2B5EF4-FFF2-40B4-BE49-F238E27FC236}">
                <a16:creationId xmlns:a16="http://schemas.microsoft.com/office/drawing/2014/main" id="{097CE3B5-9AB7-D8EB-3EFE-75C3353DF3B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90999" y="1523999"/>
            <a:ext cx="962026" cy="962026"/>
          </a:xfrm>
          <a:prstGeom prst="rect">
            <a:avLst/>
          </a:prstGeom>
        </p:spPr>
      </p:pic>
      <p:pic>
        <p:nvPicPr>
          <p:cNvPr id="22" name="Graphic 21">
            <a:extLst>
              <a:ext uri="{FF2B5EF4-FFF2-40B4-BE49-F238E27FC236}">
                <a16:creationId xmlns:a16="http://schemas.microsoft.com/office/drawing/2014/main" id="{A49B54D1-89D3-1216-6FD0-A7DF53273D9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000999" y="1523999"/>
            <a:ext cx="962025" cy="962025"/>
          </a:xfrm>
          <a:prstGeom prst="rect">
            <a:avLst/>
          </a:prstGeom>
        </p:spPr>
      </p:pic>
      <p:pic>
        <p:nvPicPr>
          <p:cNvPr id="24" name="Graphic 23">
            <a:extLst>
              <a:ext uri="{FF2B5EF4-FFF2-40B4-BE49-F238E27FC236}">
                <a16:creationId xmlns:a16="http://schemas.microsoft.com/office/drawing/2014/main" id="{CD6E06FD-E948-82BE-AD1A-F0C2FB9E648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380999" y="1523999"/>
            <a:ext cx="962025" cy="9620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57041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3DEAEDB-7BF2-236B-AD19-DEE72459FED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8350B516-A471-EB9D-C276-B93E51135558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blipFill>
            <a:blip r:embed="rId4" cstate="screen">
              <a:extLst>
                <a:ext uri="{BEBA8EAE-BF5A-486C-A8C5-ECC9F3942E4B}">
                  <a14:imgProps xmlns:a14="http://schemas.microsoft.com/office/drawing/2010/main">
                    <a14:imgLayer r:embed="rId5">
                      <a14:imgEffect>
                        <a14:brightnessContrast bright="-10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6428" t="-25606" r="-232" b="-16527"/>
            </a:stretch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6" name="Background">
            <a:extLst>
              <a:ext uri="{FF2B5EF4-FFF2-40B4-BE49-F238E27FC236}">
                <a16:creationId xmlns:a16="http://schemas.microsoft.com/office/drawing/2014/main" id="{1BD71E3C-903E-D0C2-4148-901021EA4BE0}"/>
              </a:ext>
            </a:extLst>
          </p:cNvPr>
          <p:cNvSpPr/>
          <p:nvPr/>
        </p:nvSpPr>
        <p:spPr>
          <a:xfrm>
            <a:off x="17757" y="0"/>
            <a:ext cx="12192000" cy="6861600"/>
          </a:xfrm>
          <a:prstGeom prst="rect">
            <a:avLst/>
          </a:prstGeom>
          <a:gradFill>
            <a:gsLst>
              <a:gs pos="55000">
                <a:srgbClr val="45A6DE">
                  <a:alpha val="20000"/>
                </a:srgbClr>
              </a:gs>
              <a:gs pos="19000">
                <a:srgbClr val="45A6DE">
                  <a:alpha val="60000"/>
                </a:srgbClr>
              </a:gs>
            </a:gsLst>
            <a:lin ang="4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400" noProof="0" dirty="0" err="1"/>
          </a:p>
        </p:txBody>
      </p:sp>
      <p:sp>
        <p:nvSpPr>
          <p:cNvPr id="8" name="Slide Number Placeholder 4">
            <a:extLst>
              <a:ext uri="{FF2B5EF4-FFF2-40B4-BE49-F238E27FC236}">
                <a16:creationId xmlns:a16="http://schemas.microsoft.com/office/drawing/2014/main" id="{C3BC9C63-2C46-5993-CF9D-BC567DE8610B}"/>
              </a:ext>
            </a:extLst>
          </p:cNvPr>
          <p:cNvSpPr txBox="1">
            <a:spLocks/>
          </p:cNvSpPr>
          <p:nvPr/>
        </p:nvSpPr>
        <p:spPr>
          <a:xfrm>
            <a:off x="11430000" y="6096000"/>
            <a:ext cx="381000" cy="380400"/>
          </a:xfrm>
          <a:prstGeom prst="rect">
            <a:avLst/>
          </a:prstGeom>
        </p:spPr>
        <p:txBody>
          <a:bodyPr vert="horz" lIns="0" tIns="234000" rIns="0" bIns="0" rtlCol="0" anchor="ctr" anchorCtr="0"/>
          <a:lstStyle>
            <a:defPPr>
              <a:defRPr lang="en-US"/>
            </a:defPPr>
            <a:lvl1pPr marL="0" algn="r" defTabSz="914400" rtl="0" eaLnBrk="1" latinLnBrk="0" hangingPunct="1">
              <a:lnSpc>
                <a:spcPct val="90000"/>
              </a:lnSpc>
              <a:defRPr sz="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AA811B-2EBD-4900-905E-5BE206449611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9" name="Logo">
            <a:extLst>
              <a:ext uri="{FF2B5EF4-FFF2-40B4-BE49-F238E27FC236}">
                <a16:creationId xmlns:a16="http://schemas.microsoft.com/office/drawing/2014/main" id="{62CAB66A-C7BF-21C8-BA52-DC895D86B1C6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/>
        </p:blipFill>
        <p:spPr>
          <a:xfrm>
            <a:off x="381609" y="6096189"/>
            <a:ext cx="2083261" cy="380810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DE0275A3-C264-D5F4-05CC-43787EE6C7E3}"/>
              </a:ext>
            </a:extLst>
          </p:cNvPr>
          <p:cNvSpPr txBox="1">
            <a:spLocks noGrp="1"/>
          </p:cNvSpPr>
          <p:nvPr>
            <p:ph type="ctrTitle"/>
          </p:nvPr>
        </p:nvSpPr>
        <p:spPr bwMode="white">
          <a:xfrm>
            <a:off x="381600" y="381000"/>
            <a:ext cx="11429400" cy="1231106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 algn="ct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800" b="1" kern="1200">
                <a:solidFill>
                  <a:srgbClr val="EBEA79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l">
              <a:lnSpc>
                <a:spcPct val="100000"/>
              </a:lnSpc>
            </a:pPr>
            <a:r>
              <a:rPr lang="en-US" sz="4000" dirty="0">
                <a:solidFill>
                  <a:schemeClr val="tx1"/>
                </a:solidFill>
              </a:rPr>
              <a:t>Energy efficiency: </a:t>
            </a:r>
            <a:br>
              <a:rPr lang="en-US" sz="4000" dirty="0">
                <a:solidFill>
                  <a:schemeClr val="tx1"/>
                </a:solidFill>
              </a:rPr>
            </a:br>
            <a:r>
              <a:rPr lang="en-US" sz="4000" b="0" dirty="0">
                <a:solidFill>
                  <a:schemeClr val="tx1"/>
                </a:solidFill>
              </a:rPr>
              <a:t>Europe’s first fuel for competitiveness</a:t>
            </a:r>
            <a:endParaRPr lang="pl-PL" sz="4000" dirty="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E8EA41B-B71B-5424-B911-0508DBCA5396}"/>
              </a:ext>
            </a:extLst>
          </p:cNvPr>
          <p:cNvSpPr>
            <a:spLocks noGrp="1"/>
          </p:cNvSpPr>
          <p:nvPr>
            <p:ph type="dt" sz="half" idx="33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B660B3E-32FD-3EFE-2EAD-3835EC5E82EE}"/>
              </a:ext>
            </a:extLst>
          </p:cNvPr>
          <p:cNvSpPr>
            <a:spLocks noGrp="1"/>
          </p:cNvSpPr>
          <p:nvPr>
            <p:ph type="sldNum" sz="quarter" idx="35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32DBEE26-A838-9471-7B94-2DB18011C96C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>
            <a:fillRect/>
          </a:stretch>
        </p:blipFill>
        <p:spPr>
          <a:xfrm>
            <a:off x="3069069" y="1905000"/>
            <a:ext cx="762000" cy="762000"/>
          </a:xfrm>
          <a:prstGeom prst="rect">
            <a:avLst/>
          </a:prstGeom>
        </p:spPr>
      </p:pic>
      <p:grpSp>
        <p:nvGrpSpPr>
          <p:cNvPr id="11" name="Group 10">
            <a:extLst>
              <a:ext uri="{FF2B5EF4-FFF2-40B4-BE49-F238E27FC236}">
                <a16:creationId xmlns:a16="http://schemas.microsoft.com/office/drawing/2014/main" id="{C7E6C1DD-9D3D-537C-BE65-656AFEA5D8FA}"/>
              </a:ext>
            </a:extLst>
          </p:cNvPr>
          <p:cNvGrpSpPr/>
          <p:nvPr/>
        </p:nvGrpSpPr>
        <p:grpSpPr>
          <a:xfrm>
            <a:off x="6095700" y="1905000"/>
            <a:ext cx="762000" cy="762000"/>
            <a:chOff x="4953000" y="1905000"/>
            <a:chExt cx="762000" cy="762000"/>
          </a:xfrm>
          <a:solidFill>
            <a:schemeClr val="tx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9F152C55-4460-7C47-A515-245013853BE0}"/>
                </a:ext>
              </a:extLst>
            </p:cNvPr>
            <p:cNvSpPr/>
            <p:nvPr/>
          </p:nvSpPr>
          <p:spPr>
            <a:xfrm>
              <a:off x="5203187" y="2005994"/>
              <a:ext cx="268441" cy="268441"/>
            </a:xfrm>
            <a:custGeom>
              <a:avLst/>
              <a:gdLst>
                <a:gd name="connsiteX0" fmla="*/ 134221 w 268441"/>
                <a:gd name="connsiteY0" fmla="*/ 268441 h 268441"/>
                <a:gd name="connsiteX1" fmla="*/ 0 w 268441"/>
                <a:gd name="connsiteY1" fmla="*/ 134221 h 268441"/>
                <a:gd name="connsiteX2" fmla="*/ 134221 w 268441"/>
                <a:gd name="connsiteY2" fmla="*/ 0 h 268441"/>
                <a:gd name="connsiteX3" fmla="*/ 268441 w 268441"/>
                <a:gd name="connsiteY3" fmla="*/ 134221 h 268441"/>
                <a:gd name="connsiteX4" fmla="*/ 134221 w 268441"/>
                <a:gd name="connsiteY4" fmla="*/ 268441 h 268441"/>
                <a:gd name="connsiteX5" fmla="*/ 134221 w 268441"/>
                <a:gd name="connsiteY5" fmla="*/ 23813 h 268441"/>
                <a:gd name="connsiteX6" fmla="*/ 23813 w 268441"/>
                <a:gd name="connsiteY6" fmla="*/ 134221 h 268441"/>
                <a:gd name="connsiteX7" fmla="*/ 134221 w 268441"/>
                <a:gd name="connsiteY7" fmla="*/ 244629 h 268441"/>
                <a:gd name="connsiteX8" fmla="*/ 244629 w 268441"/>
                <a:gd name="connsiteY8" fmla="*/ 134221 h 268441"/>
                <a:gd name="connsiteX9" fmla="*/ 134221 w 268441"/>
                <a:gd name="connsiteY9" fmla="*/ 23813 h 2684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268441" h="268441">
                  <a:moveTo>
                    <a:pt x="134221" y="268441"/>
                  </a:moveTo>
                  <a:cubicBezTo>
                    <a:pt x="60216" y="268441"/>
                    <a:pt x="0" y="208233"/>
                    <a:pt x="0" y="134221"/>
                  </a:cubicBezTo>
                  <a:cubicBezTo>
                    <a:pt x="0" y="60208"/>
                    <a:pt x="60208" y="0"/>
                    <a:pt x="134221" y="0"/>
                  </a:cubicBezTo>
                  <a:cubicBezTo>
                    <a:pt x="208233" y="0"/>
                    <a:pt x="268441" y="60208"/>
                    <a:pt x="268441" y="134221"/>
                  </a:cubicBezTo>
                  <a:cubicBezTo>
                    <a:pt x="268441" y="208233"/>
                    <a:pt x="208233" y="268441"/>
                    <a:pt x="134221" y="268441"/>
                  </a:cubicBezTo>
                  <a:close/>
                  <a:moveTo>
                    <a:pt x="134221" y="23813"/>
                  </a:moveTo>
                  <a:cubicBezTo>
                    <a:pt x="73343" y="23813"/>
                    <a:pt x="23813" y="73343"/>
                    <a:pt x="23813" y="134221"/>
                  </a:cubicBezTo>
                  <a:cubicBezTo>
                    <a:pt x="23813" y="195099"/>
                    <a:pt x="73343" y="244629"/>
                    <a:pt x="134221" y="244629"/>
                  </a:cubicBezTo>
                  <a:cubicBezTo>
                    <a:pt x="195099" y="244629"/>
                    <a:pt x="244629" y="195099"/>
                    <a:pt x="244629" y="134221"/>
                  </a:cubicBezTo>
                  <a:cubicBezTo>
                    <a:pt x="244629" y="73343"/>
                    <a:pt x="195099" y="23813"/>
                    <a:pt x="134221" y="23813"/>
                  </a:cubicBezTo>
                  <a:close/>
                </a:path>
              </a:pathLst>
            </a:custGeom>
            <a:grpFill/>
            <a:ln w="74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pl-PL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14792439-CEFF-4340-7971-FD5A130C3D76}"/>
                </a:ext>
              </a:extLst>
            </p:cNvPr>
            <p:cNvSpPr/>
            <p:nvPr/>
          </p:nvSpPr>
          <p:spPr>
            <a:xfrm>
              <a:off x="5034535" y="2310995"/>
              <a:ext cx="597112" cy="247139"/>
            </a:xfrm>
            <a:custGeom>
              <a:avLst/>
              <a:gdLst>
                <a:gd name="connsiteX0" fmla="*/ 6734 w 597112"/>
                <a:gd name="connsiteY0" fmla="*/ 75858 h 247139"/>
                <a:gd name="connsiteX1" fmla="*/ 22205 w 597112"/>
                <a:gd name="connsiteY1" fmla="*/ 90205 h 247139"/>
                <a:gd name="connsiteX2" fmla="*/ 108034 w 597112"/>
                <a:gd name="connsiteY2" fmla="*/ 169776 h 247139"/>
                <a:gd name="connsiteX3" fmla="*/ 148597 w 597112"/>
                <a:gd name="connsiteY3" fmla="*/ 207035 h 247139"/>
                <a:gd name="connsiteX4" fmla="*/ 158866 w 597112"/>
                <a:gd name="connsiteY4" fmla="*/ 212132 h 247139"/>
                <a:gd name="connsiteX5" fmla="*/ 205635 w 597112"/>
                <a:gd name="connsiteY5" fmla="*/ 216798 h 247139"/>
                <a:gd name="connsiteX6" fmla="*/ 219246 w 597112"/>
                <a:gd name="connsiteY6" fmla="*/ 218100 h 247139"/>
                <a:gd name="connsiteX7" fmla="*/ 237611 w 597112"/>
                <a:gd name="connsiteY7" fmla="*/ 219841 h 247139"/>
                <a:gd name="connsiteX8" fmla="*/ 277512 w 597112"/>
                <a:gd name="connsiteY8" fmla="*/ 223748 h 247139"/>
                <a:gd name="connsiteX9" fmla="*/ 304569 w 597112"/>
                <a:gd name="connsiteY9" fmla="*/ 226918 h 247139"/>
                <a:gd name="connsiteX10" fmla="*/ 322488 w 597112"/>
                <a:gd name="connsiteY10" fmla="*/ 229076 h 247139"/>
                <a:gd name="connsiteX11" fmla="*/ 331566 w 597112"/>
                <a:gd name="connsiteY11" fmla="*/ 229262 h 247139"/>
                <a:gd name="connsiteX12" fmla="*/ 343078 w 597112"/>
                <a:gd name="connsiteY12" fmla="*/ 228012 h 247139"/>
                <a:gd name="connsiteX13" fmla="*/ 349999 w 597112"/>
                <a:gd name="connsiteY13" fmla="*/ 227216 h 247139"/>
                <a:gd name="connsiteX14" fmla="*/ 404373 w 597112"/>
                <a:gd name="connsiteY14" fmla="*/ 221419 h 247139"/>
                <a:gd name="connsiteX15" fmla="*/ 478452 w 597112"/>
                <a:gd name="connsiteY15" fmla="*/ 213539 h 247139"/>
                <a:gd name="connsiteX16" fmla="*/ 484815 w 597112"/>
                <a:gd name="connsiteY16" fmla="*/ 212899 h 247139"/>
                <a:gd name="connsiteX17" fmla="*/ 499534 w 597112"/>
                <a:gd name="connsiteY17" fmla="*/ 211239 h 247139"/>
                <a:gd name="connsiteX18" fmla="*/ 499474 w 597112"/>
                <a:gd name="connsiteY18" fmla="*/ 231182 h 247139"/>
                <a:gd name="connsiteX19" fmla="*/ 503195 w 597112"/>
                <a:gd name="connsiteY19" fmla="*/ 243289 h 247139"/>
                <a:gd name="connsiteX20" fmla="*/ 515339 w 597112"/>
                <a:gd name="connsiteY20" fmla="*/ 247129 h 247139"/>
                <a:gd name="connsiteX21" fmla="*/ 581590 w 597112"/>
                <a:gd name="connsiteY21" fmla="*/ 247129 h 247139"/>
                <a:gd name="connsiteX22" fmla="*/ 581761 w 597112"/>
                <a:gd name="connsiteY22" fmla="*/ 247129 h 247139"/>
                <a:gd name="connsiteX23" fmla="*/ 593653 w 597112"/>
                <a:gd name="connsiteY23" fmla="*/ 243661 h 247139"/>
                <a:gd name="connsiteX24" fmla="*/ 597113 w 597112"/>
                <a:gd name="connsiteY24" fmla="*/ 231755 h 247139"/>
                <a:gd name="connsiteX25" fmla="*/ 597113 w 597112"/>
                <a:gd name="connsiteY25" fmla="*/ 38591 h 247139"/>
                <a:gd name="connsiteX26" fmla="*/ 581791 w 597112"/>
                <a:gd name="connsiteY26" fmla="*/ 23068 h 247139"/>
                <a:gd name="connsiteX27" fmla="*/ 514290 w 597112"/>
                <a:gd name="connsiteY27" fmla="*/ 23076 h 247139"/>
                <a:gd name="connsiteX28" fmla="*/ 512102 w 597112"/>
                <a:gd name="connsiteY28" fmla="*/ 23262 h 247139"/>
                <a:gd name="connsiteX29" fmla="*/ 512102 w 597112"/>
                <a:gd name="connsiteY29" fmla="*/ 23262 h 247139"/>
                <a:gd name="connsiteX30" fmla="*/ 509639 w 597112"/>
                <a:gd name="connsiteY30" fmla="*/ 23760 h 247139"/>
                <a:gd name="connsiteX31" fmla="*/ 509423 w 597112"/>
                <a:gd name="connsiteY31" fmla="*/ 23820 h 247139"/>
                <a:gd name="connsiteX32" fmla="*/ 507347 w 597112"/>
                <a:gd name="connsiteY32" fmla="*/ 24609 h 247139"/>
                <a:gd name="connsiteX33" fmla="*/ 506968 w 597112"/>
                <a:gd name="connsiteY33" fmla="*/ 24787 h 247139"/>
                <a:gd name="connsiteX34" fmla="*/ 505271 w 597112"/>
                <a:gd name="connsiteY34" fmla="*/ 25792 h 247139"/>
                <a:gd name="connsiteX35" fmla="*/ 504765 w 597112"/>
                <a:gd name="connsiteY35" fmla="*/ 26171 h 247139"/>
                <a:gd name="connsiteX36" fmla="*/ 503455 w 597112"/>
                <a:gd name="connsiteY36" fmla="*/ 27317 h 247139"/>
                <a:gd name="connsiteX37" fmla="*/ 502868 w 597112"/>
                <a:gd name="connsiteY37" fmla="*/ 27972 h 247139"/>
                <a:gd name="connsiteX38" fmla="*/ 501922 w 597112"/>
                <a:gd name="connsiteY38" fmla="*/ 29170 h 247139"/>
                <a:gd name="connsiteX39" fmla="*/ 501335 w 597112"/>
                <a:gd name="connsiteY39" fmla="*/ 30182 h 247139"/>
                <a:gd name="connsiteX40" fmla="*/ 500724 w 597112"/>
                <a:gd name="connsiteY40" fmla="*/ 31351 h 247139"/>
                <a:gd name="connsiteX41" fmla="*/ 500218 w 597112"/>
                <a:gd name="connsiteY41" fmla="*/ 32846 h 247139"/>
                <a:gd name="connsiteX42" fmla="*/ 499906 w 597112"/>
                <a:gd name="connsiteY42" fmla="*/ 33836 h 247139"/>
                <a:gd name="connsiteX43" fmla="*/ 499519 w 597112"/>
                <a:gd name="connsiteY43" fmla="*/ 36597 h 247139"/>
                <a:gd name="connsiteX44" fmla="*/ 499430 w 597112"/>
                <a:gd name="connsiteY44" fmla="*/ 46226 h 247139"/>
                <a:gd name="connsiteX45" fmla="*/ 497190 w 597112"/>
                <a:gd name="connsiteY45" fmla="*/ 44462 h 247139"/>
                <a:gd name="connsiteX46" fmla="*/ 489265 w 597112"/>
                <a:gd name="connsiteY46" fmla="*/ 38576 h 247139"/>
                <a:gd name="connsiteX47" fmla="*/ 489265 w 597112"/>
                <a:gd name="connsiteY47" fmla="*/ 38576 h 247139"/>
                <a:gd name="connsiteX48" fmla="*/ 481682 w 597112"/>
                <a:gd name="connsiteY48" fmla="*/ 32943 h 247139"/>
                <a:gd name="connsiteX49" fmla="*/ 444229 w 597112"/>
                <a:gd name="connsiteY49" fmla="*/ 4882 h 247139"/>
                <a:gd name="connsiteX50" fmla="*/ 429972 w 597112"/>
                <a:gd name="connsiteY50" fmla="*/ 0 h 247139"/>
                <a:gd name="connsiteX51" fmla="*/ 429957 w 597112"/>
                <a:gd name="connsiteY51" fmla="*/ 0 h 247139"/>
                <a:gd name="connsiteX52" fmla="*/ 368528 w 597112"/>
                <a:gd name="connsiteY52" fmla="*/ 22 h 247139"/>
                <a:gd name="connsiteX53" fmla="*/ 229909 w 597112"/>
                <a:gd name="connsiteY53" fmla="*/ 164 h 247139"/>
                <a:gd name="connsiteX54" fmla="*/ 211618 w 597112"/>
                <a:gd name="connsiteY54" fmla="*/ 2776 h 247139"/>
                <a:gd name="connsiteX55" fmla="*/ 185826 w 597112"/>
                <a:gd name="connsiteY55" fmla="*/ 24371 h 247139"/>
                <a:gd name="connsiteX56" fmla="*/ 181146 w 597112"/>
                <a:gd name="connsiteY56" fmla="*/ 64390 h 247139"/>
                <a:gd name="connsiteX57" fmla="*/ 203515 w 597112"/>
                <a:gd name="connsiteY57" fmla="*/ 90912 h 247139"/>
                <a:gd name="connsiteX58" fmla="*/ 214855 w 597112"/>
                <a:gd name="connsiteY58" fmla="*/ 95763 h 247139"/>
                <a:gd name="connsiteX59" fmla="*/ 211090 w 597112"/>
                <a:gd name="connsiteY59" fmla="*/ 95801 h 247139"/>
                <a:gd name="connsiteX60" fmla="*/ 184033 w 597112"/>
                <a:gd name="connsiteY60" fmla="*/ 96441 h 247139"/>
                <a:gd name="connsiteX61" fmla="*/ 171040 w 597112"/>
                <a:gd name="connsiteY61" fmla="*/ 91805 h 247139"/>
                <a:gd name="connsiteX62" fmla="*/ 121347 w 597112"/>
                <a:gd name="connsiteY62" fmla="*/ 53355 h 247139"/>
                <a:gd name="connsiteX63" fmla="*/ 102319 w 597112"/>
                <a:gd name="connsiteY63" fmla="*/ 42736 h 247139"/>
                <a:gd name="connsiteX64" fmla="*/ 97341 w 597112"/>
                <a:gd name="connsiteY64" fmla="*/ 40779 h 247139"/>
                <a:gd name="connsiteX65" fmla="*/ 91090 w 597112"/>
                <a:gd name="connsiteY65" fmla="*/ 38866 h 247139"/>
                <a:gd name="connsiteX66" fmla="*/ 89892 w 597112"/>
                <a:gd name="connsiteY66" fmla="*/ 38561 h 247139"/>
                <a:gd name="connsiteX67" fmla="*/ 84073 w 597112"/>
                <a:gd name="connsiteY67" fmla="*/ 37259 h 247139"/>
                <a:gd name="connsiteX68" fmla="*/ 83693 w 597112"/>
                <a:gd name="connsiteY68" fmla="*/ 37177 h 247139"/>
                <a:gd name="connsiteX69" fmla="*/ 83693 w 597112"/>
                <a:gd name="connsiteY69" fmla="*/ 37177 h 247139"/>
                <a:gd name="connsiteX70" fmla="*/ 54746 w 597112"/>
                <a:gd name="connsiteY70" fmla="*/ 36031 h 247139"/>
                <a:gd name="connsiteX71" fmla="*/ 8193 w 597112"/>
                <a:gd name="connsiteY71" fmla="*/ 52536 h 247139"/>
                <a:gd name="connsiteX72" fmla="*/ 22 w 597112"/>
                <a:gd name="connsiteY72" fmla="*/ 63609 h 247139"/>
                <a:gd name="connsiteX73" fmla="*/ 6771 w 597112"/>
                <a:gd name="connsiteY73" fmla="*/ 75865 h 247139"/>
                <a:gd name="connsiteX74" fmla="*/ 523942 w 597112"/>
                <a:gd name="connsiteY74" fmla="*/ 223264 h 247139"/>
                <a:gd name="connsiteX75" fmla="*/ 524165 w 597112"/>
                <a:gd name="connsiteY75" fmla="*/ 219187 h 247139"/>
                <a:gd name="connsiteX76" fmla="*/ 525199 w 597112"/>
                <a:gd name="connsiteY76" fmla="*/ 191795 h 247139"/>
                <a:gd name="connsiteX77" fmla="*/ 525244 w 597112"/>
                <a:gd name="connsiteY77" fmla="*/ 74578 h 247139"/>
                <a:gd name="connsiteX78" fmla="*/ 524254 w 597112"/>
                <a:gd name="connsiteY78" fmla="*/ 51941 h 247139"/>
                <a:gd name="connsiteX79" fmla="*/ 523986 w 597112"/>
                <a:gd name="connsiteY79" fmla="*/ 47677 h 247139"/>
                <a:gd name="connsiteX80" fmla="*/ 572594 w 597112"/>
                <a:gd name="connsiteY80" fmla="*/ 47655 h 247139"/>
                <a:gd name="connsiteX81" fmla="*/ 572594 w 597112"/>
                <a:gd name="connsiteY81" fmla="*/ 141022 h 247139"/>
                <a:gd name="connsiteX82" fmla="*/ 572690 w 597112"/>
                <a:gd name="connsiteY82" fmla="*/ 141022 h 247139"/>
                <a:gd name="connsiteX83" fmla="*/ 572690 w 597112"/>
                <a:gd name="connsiteY83" fmla="*/ 155920 h 247139"/>
                <a:gd name="connsiteX84" fmla="*/ 572720 w 597112"/>
                <a:gd name="connsiteY84" fmla="*/ 224217 h 247139"/>
                <a:gd name="connsiteX85" fmla="*/ 538988 w 597112"/>
                <a:gd name="connsiteY85" fmla="*/ 224061 h 247139"/>
                <a:gd name="connsiteX86" fmla="*/ 524492 w 597112"/>
                <a:gd name="connsiteY86" fmla="*/ 224024 h 247139"/>
                <a:gd name="connsiteX87" fmla="*/ 523927 w 597112"/>
                <a:gd name="connsiteY87" fmla="*/ 224016 h 247139"/>
                <a:gd name="connsiteX88" fmla="*/ 523964 w 597112"/>
                <a:gd name="connsiteY88" fmla="*/ 223257 h 247139"/>
                <a:gd name="connsiteX89" fmla="*/ 32221 w 597112"/>
                <a:gd name="connsiteY89" fmla="*/ 66169 h 247139"/>
                <a:gd name="connsiteX90" fmla="*/ 48220 w 597112"/>
                <a:gd name="connsiteY90" fmla="*/ 61220 h 247139"/>
                <a:gd name="connsiteX91" fmla="*/ 72107 w 597112"/>
                <a:gd name="connsiteY91" fmla="*/ 60253 h 247139"/>
                <a:gd name="connsiteX92" fmla="*/ 122180 w 597112"/>
                <a:gd name="connsiteY92" fmla="*/ 83783 h 247139"/>
                <a:gd name="connsiteX93" fmla="*/ 150934 w 597112"/>
                <a:gd name="connsiteY93" fmla="*/ 107089 h 247139"/>
                <a:gd name="connsiteX94" fmla="*/ 163346 w 597112"/>
                <a:gd name="connsiteY94" fmla="*/ 117076 h 247139"/>
                <a:gd name="connsiteX95" fmla="*/ 178058 w 597112"/>
                <a:gd name="connsiteY95" fmla="*/ 121734 h 247139"/>
                <a:gd name="connsiteX96" fmla="*/ 200017 w 597112"/>
                <a:gd name="connsiteY96" fmla="*/ 121154 h 247139"/>
                <a:gd name="connsiteX97" fmla="*/ 237567 w 597112"/>
                <a:gd name="connsiteY97" fmla="*/ 119866 h 247139"/>
                <a:gd name="connsiteX98" fmla="*/ 283473 w 597112"/>
                <a:gd name="connsiteY98" fmla="*/ 114940 h 247139"/>
                <a:gd name="connsiteX99" fmla="*/ 354836 w 597112"/>
                <a:gd name="connsiteY99" fmla="*/ 96396 h 247139"/>
                <a:gd name="connsiteX100" fmla="*/ 364018 w 597112"/>
                <a:gd name="connsiteY100" fmla="*/ 86648 h 247139"/>
                <a:gd name="connsiteX101" fmla="*/ 362039 w 597112"/>
                <a:gd name="connsiteY101" fmla="*/ 77517 h 247139"/>
                <a:gd name="connsiteX102" fmla="*/ 352201 w 597112"/>
                <a:gd name="connsiteY102" fmla="*/ 72457 h 247139"/>
                <a:gd name="connsiteX103" fmla="*/ 347841 w 597112"/>
                <a:gd name="connsiteY103" fmla="*/ 72301 h 247139"/>
                <a:gd name="connsiteX104" fmla="*/ 346695 w 597112"/>
                <a:gd name="connsiteY104" fmla="*/ 72316 h 247139"/>
                <a:gd name="connsiteX105" fmla="*/ 229835 w 597112"/>
                <a:gd name="connsiteY105" fmla="*/ 72353 h 247139"/>
                <a:gd name="connsiteX106" fmla="*/ 229820 w 597112"/>
                <a:gd name="connsiteY106" fmla="*/ 72353 h 247139"/>
                <a:gd name="connsiteX107" fmla="*/ 210725 w 597112"/>
                <a:gd name="connsiteY107" fmla="*/ 65827 h 247139"/>
                <a:gd name="connsiteX108" fmla="*/ 203500 w 597112"/>
                <a:gd name="connsiteY108" fmla="*/ 44492 h 247139"/>
                <a:gd name="connsiteX109" fmla="*/ 216865 w 597112"/>
                <a:gd name="connsiteY109" fmla="*/ 27213 h 247139"/>
                <a:gd name="connsiteX110" fmla="*/ 230453 w 597112"/>
                <a:gd name="connsiteY110" fmla="*/ 24571 h 247139"/>
                <a:gd name="connsiteX111" fmla="*/ 300052 w 597112"/>
                <a:gd name="connsiteY111" fmla="*/ 24527 h 247139"/>
                <a:gd name="connsiteX112" fmla="*/ 424450 w 597112"/>
                <a:gd name="connsiteY112" fmla="*/ 24170 h 247139"/>
                <a:gd name="connsiteX113" fmla="*/ 437867 w 597112"/>
                <a:gd name="connsiteY113" fmla="*/ 30167 h 247139"/>
                <a:gd name="connsiteX114" fmla="*/ 440970 w 597112"/>
                <a:gd name="connsiteY114" fmla="*/ 32534 h 247139"/>
                <a:gd name="connsiteX115" fmla="*/ 473787 w 597112"/>
                <a:gd name="connsiteY115" fmla="*/ 57314 h 247139"/>
                <a:gd name="connsiteX116" fmla="*/ 487122 w 597112"/>
                <a:gd name="connsiteY116" fmla="*/ 67546 h 247139"/>
                <a:gd name="connsiteX117" fmla="*/ 491512 w 597112"/>
                <a:gd name="connsiteY117" fmla="*/ 70865 h 247139"/>
                <a:gd name="connsiteX118" fmla="*/ 500724 w 597112"/>
                <a:gd name="connsiteY118" fmla="*/ 77934 h 247139"/>
                <a:gd name="connsiteX119" fmla="*/ 500576 w 597112"/>
                <a:gd name="connsiteY119" fmla="*/ 121957 h 247139"/>
                <a:gd name="connsiteX120" fmla="*/ 500442 w 597112"/>
                <a:gd name="connsiteY120" fmla="*/ 159559 h 247139"/>
                <a:gd name="connsiteX121" fmla="*/ 500576 w 597112"/>
                <a:gd name="connsiteY121" fmla="*/ 173958 h 247139"/>
                <a:gd name="connsiteX122" fmla="*/ 500710 w 597112"/>
                <a:gd name="connsiteY122" fmla="*/ 186846 h 247139"/>
                <a:gd name="connsiteX123" fmla="*/ 473214 w 597112"/>
                <a:gd name="connsiteY123" fmla="*/ 189644 h 247139"/>
                <a:gd name="connsiteX124" fmla="*/ 456880 w 597112"/>
                <a:gd name="connsiteY124" fmla="*/ 191274 h 247139"/>
                <a:gd name="connsiteX125" fmla="*/ 437249 w 597112"/>
                <a:gd name="connsiteY125" fmla="*/ 193335 h 247139"/>
                <a:gd name="connsiteX126" fmla="*/ 413489 w 597112"/>
                <a:gd name="connsiteY126" fmla="*/ 195813 h 247139"/>
                <a:gd name="connsiteX127" fmla="*/ 395830 w 597112"/>
                <a:gd name="connsiteY127" fmla="*/ 197458 h 247139"/>
                <a:gd name="connsiteX128" fmla="*/ 375984 w 597112"/>
                <a:gd name="connsiteY128" fmla="*/ 199326 h 247139"/>
                <a:gd name="connsiteX129" fmla="*/ 362255 w 597112"/>
                <a:gd name="connsiteY129" fmla="*/ 200992 h 247139"/>
                <a:gd name="connsiteX130" fmla="*/ 353630 w 597112"/>
                <a:gd name="connsiteY130" fmla="*/ 202086 h 247139"/>
                <a:gd name="connsiteX131" fmla="*/ 346933 w 597112"/>
                <a:gd name="connsiteY131" fmla="*/ 202942 h 247139"/>
                <a:gd name="connsiteX132" fmla="*/ 329408 w 597112"/>
                <a:gd name="connsiteY132" fmla="*/ 204698 h 247139"/>
                <a:gd name="connsiteX133" fmla="*/ 318350 w 597112"/>
                <a:gd name="connsiteY133" fmla="*/ 203768 h 247139"/>
                <a:gd name="connsiteX134" fmla="*/ 312219 w 597112"/>
                <a:gd name="connsiteY134" fmla="*/ 203002 h 247139"/>
                <a:gd name="connsiteX135" fmla="*/ 295915 w 597112"/>
                <a:gd name="connsiteY135" fmla="*/ 201446 h 247139"/>
                <a:gd name="connsiteX136" fmla="*/ 265226 w 597112"/>
                <a:gd name="connsiteY136" fmla="*/ 198433 h 247139"/>
                <a:gd name="connsiteX137" fmla="*/ 251884 w 597112"/>
                <a:gd name="connsiteY137" fmla="*/ 196736 h 247139"/>
                <a:gd name="connsiteX138" fmla="*/ 238199 w 597112"/>
                <a:gd name="connsiteY138" fmla="*/ 194995 h 247139"/>
                <a:gd name="connsiteX139" fmla="*/ 216165 w 597112"/>
                <a:gd name="connsiteY139" fmla="*/ 192896 h 247139"/>
                <a:gd name="connsiteX140" fmla="*/ 198298 w 597112"/>
                <a:gd name="connsiteY140" fmla="*/ 191222 h 247139"/>
                <a:gd name="connsiteX141" fmla="*/ 182545 w 597112"/>
                <a:gd name="connsiteY141" fmla="*/ 189376 h 247139"/>
                <a:gd name="connsiteX142" fmla="*/ 175334 w 597112"/>
                <a:gd name="connsiteY142" fmla="*/ 188483 h 247139"/>
                <a:gd name="connsiteX143" fmla="*/ 174828 w 597112"/>
                <a:gd name="connsiteY143" fmla="*/ 188387 h 247139"/>
                <a:gd name="connsiteX144" fmla="*/ 172335 w 597112"/>
                <a:gd name="connsiteY144" fmla="*/ 188089 h 247139"/>
                <a:gd name="connsiteX145" fmla="*/ 171107 w 597112"/>
                <a:gd name="connsiteY145" fmla="*/ 188178 h 247139"/>
                <a:gd name="connsiteX146" fmla="*/ 155354 w 597112"/>
                <a:gd name="connsiteY146" fmla="*/ 180670 h 247139"/>
                <a:gd name="connsiteX147" fmla="*/ 76981 w 597112"/>
                <a:gd name="connsiteY147" fmla="*/ 107484 h 247139"/>
                <a:gd name="connsiteX148" fmla="*/ 71117 w 597112"/>
                <a:gd name="connsiteY148" fmla="*/ 102037 h 247139"/>
                <a:gd name="connsiteX149" fmla="*/ 43487 w 597112"/>
                <a:gd name="connsiteY149" fmla="*/ 76609 h 247139"/>
                <a:gd name="connsiteX150" fmla="*/ 32139 w 597112"/>
                <a:gd name="connsiteY150" fmla="*/ 66199 h 247139"/>
                <a:gd name="connsiteX151" fmla="*/ 32243 w 597112"/>
                <a:gd name="connsiteY151" fmla="*/ 66162 h 247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</a:cxnLst>
              <a:rect l="l" t="t" r="r" b="b"/>
              <a:pathLst>
                <a:path w="597112" h="247139">
                  <a:moveTo>
                    <a:pt x="6734" y="75858"/>
                  </a:moveTo>
                  <a:lnTo>
                    <a:pt x="22205" y="90205"/>
                  </a:lnTo>
                  <a:cubicBezTo>
                    <a:pt x="50810" y="116733"/>
                    <a:pt x="79414" y="143262"/>
                    <a:pt x="108034" y="169776"/>
                  </a:cubicBezTo>
                  <a:cubicBezTo>
                    <a:pt x="121250" y="182017"/>
                    <a:pt x="134912" y="194675"/>
                    <a:pt x="148597" y="207035"/>
                  </a:cubicBezTo>
                  <a:cubicBezTo>
                    <a:pt x="150100" y="208397"/>
                    <a:pt x="154119" y="211611"/>
                    <a:pt x="158866" y="212132"/>
                  </a:cubicBezTo>
                  <a:cubicBezTo>
                    <a:pt x="174449" y="213829"/>
                    <a:pt x="190306" y="215339"/>
                    <a:pt x="205635" y="216798"/>
                  </a:cubicBezTo>
                  <a:lnTo>
                    <a:pt x="219246" y="218100"/>
                  </a:lnTo>
                  <a:cubicBezTo>
                    <a:pt x="225370" y="218688"/>
                    <a:pt x="231487" y="219268"/>
                    <a:pt x="237611" y="219841"/>
                  </a:cubicBezTo>
                  <a:cubicBezTo>
                    <a:pt x="250701" y="221069"/>
                    <a:pt x="264229" y="222349"/>
                    <a:pt x="277512" y="223748"/>
                  </a:cubicBezTo>
                  <a:cubicBezTo>
                    <a:pt x="286524" y="224701"/>
                    <a:pt x="295699" y="225832"/>
                    <a:pt x="304569" y="226918"/>
                  </a:cubicBezTo>
                  <a:cubicBezTo>
                    <a:pt x="310544" y="227655"/>
                    <a:pt x="316520" y="228384"/>
                    <a:pt x="322488" y="229076"/>
                  </a:cubicBezTo>
                  <a:cubicBezTo>
                    <a:pt x="325695" y="229448"/>
                    <a:pt x="328761" y="229515"/>
                    <a:pt x="331566" y="229262"/>
                  </a:cubicBezTo>
                  <a:cubicBezTo>
                    <a:pt x="335414" y="228927"/>
                    <a:pt x="339246" y="228466"/>
                    <a:pt x="343078" y="228012"/>
                  </a:cubicBezTo>
                  <a:cubicBezTo>
                    <a:pt x="345385" y="227737"/>
                    <a:pt x="347692" y="227461"/>
                    <a:pt x="349999" y="227216"/>
                  </a:cubicBezTo>
                  <a:cubicBezTo>
                    <a:pt x="368126" y="225274"/>
                    <a:pt x="386246" y="223346"/>
                    <a:pt x="404373" y="221419"/>
                  </a:cubicBezTo>
                  <a:lnTo>
                    <a:pt x="478452" y="213539"/>
                  </a:lnTo>
                  <a:cubicBezTo>
                    <a:pt x="480573" y="213315"/>
                    <a:pt x="482694" y="213107"/>
                    <a:pt x="484815" y="212899"/>
                  </a:cubicBezTo>
                  <a:cubicBezTo>
                    <a:pt x="489629" y="212430"/>
                    <a:pt x="494600" y="211946"/>
                    <a:pt x="499534" y="211239"/>
                  </a:cubicBezTo>
                  <a:cubicBezTo>
                    <a:pt x="499556" y="217884"/>
                    <a:pt x="499549" y="224530"/>
                    <a:pt x="499474" y="231182"/>
                  </a:cubicBezTo>
                  <a:cubicBezTo>
                    <a:pt x="499430" y="235029"/>
                    <a:pt x="499809" y="239874"/>
                    <a:pt x="503195" y="243289"/>
                  </a:cubicBezTo>
                  <a:cubicBezTo>
                    <a:pt x="506581" y="246705"/>
                    <a:pt x="511470" y="247226"/>
                    <a:pt x="515339" y="247129"/>
                  </a:cubicBezTo>
                  <a:cubicBezTo>
                    <a:pt x="537425" y="247084"/>
                    <a:pt x="559504" y="247092"/>
                    <a:pt x="581590" y="247129"/>
                  </a:cubicBezTo>
                  <a:lnTo>
                    <a:pt x="581761" y="247129"/>
                  </a:lnTo>
                  <a:cubicBezTo>
                    <a:pt x="585869" y="247129"/>
                    <a:pt x="590483" y="246831"/>
                    <a:pt x="593653" y="243661"/>
                  </a:cubicBezTo>
                  <a:cubicBezTo>
                    <a:pt x="596845" y="240469"/>
                    <a:pt x="597113" y="235840"/>
                    <a:pt x="597113" y="231755"/>
                  </a:cubicBezTo>
                  <a:cubicBezTo>
                    <a:pt x="597083" y="167372"/>
                    <a:pt x="597091" y="102974"/>
                    <a:pt x="597113" y="38591"/>
                  </a:cubicBezTo>
                  <a:cubicBezTo>
                    <a:pt x="597113" y="28746"/>
                    <a:pt x="591532" y="23091"/>
                    <a:pt x="581791" y="23068"/>
                  </a:cubicBezTo>
                  <a:cubicBezTo>
                    <a:pt x="559288" y="23024"/>
                    <a:pt x="536793" y="23031"/>
                    <a:pt x="514290" y="23076"/>
                  </a:cubicBezTo>
                  <a:cubicBezTo>
                    <a:pt x="513531" y="23076"/>
                    <a:pt x="512817" y="23173"/>
                    <a:pt x="512102" y="23262"/>
                  </a:cubicBezTo>
                  <a:lnTo>
                    <a:pt x="512102" y="23262"/>
                  </a:lnTo>
                  <a:cubicBezTo>
                    <a:pt x="511247" y="23366"/>
                    <a:pt x="510428" y="23537"/>
                    <a:pt x="509639" y="23760"/>
                  </a:cubicBezTo>
                  <a:cubicBezTo>
                    <a:pt x="509572" y="23783"/>
                    <a:pt x="509498" y="23798"/>
                    <a:pt x="509423" y="23820"/>
                  </a:cubicBezTo>
                  <a:cubicBezTo>
                    <a:pt x="508694" y="24036"/>
                    <a:pt x="508010" y="24304"/>
                    <a:pt x="507347" y="24609"/>
                  </a:cubicBezTo>
                  <a:cubicBezTo>
                    <a:pt x="507221" y="24668"/>
                    <a:pt x="507094" y="24728"/>
                    <a:pt x="506968" y="24787"/>
                  </a:cubicBezTo>
                  <a:cubicBezTo>
                    <a:pt x="506372" y="25085"/>
                    <a:pt x="505807" y="25420"/>
                    <a:pt x="505271" y="25792"/>
                  </a:cubicBezTo>
                  <a:cubicBezTo>
                    <a:pt x="505093" y="25911"/>
                    <a:pt x="504929" y="26045"/>
                    <a:pt x="504765" y="26171"/>
                  </a:cubicBezTo>
                  <a:cubicBezTo>
                    <a:pt x="504304" y="26529"/>
                    <a:pt x="503857" y="26901"/>
                    <a:pt x="503455" y="27317"/>
                  </a:cubicBezTo>
                  <a:cubicBezTo>
                    <a:pt x="503247" y="27526"/>
                    <a:pt x="503061" y="27749"/>
                    <a:pt x="502868" y="27972"/>
                  </a:cubicBezTo>
                  <a:cubicBezTo>
                    <a:pt x="502533" y="28359"/>
                    <a:pt x="502205" y="28746"/>
                    <a:pt x="501922" y="29170"/>
                  </a:cubicBezTo>
                  <a:cubicBezTo>
                    <a:pt x="501707" y="29490"/>
                    <a:pt x="501528" y="29840"/>
                    <a:pt x="501335" y="30182"/>
                  </a:cubicBezTo>
                  <a:cubicBezTo>
                    <a:pt x="501126" y="30569"/>
                    <a:pt x="500896" y="30941"/>
                    <a:pt x="500724" y="31351"/>
                  </a:cubicBezTo>
                  <a:cubicBezTo>
                    <a:pt x="500516" y="31827"/>
                    <a:pt x="500367" y="32333"/>
                    <a:pt x="500218" y="32846"/>
                  </a:cubicBezTo>
                  <a:cubicBezTo>
                    <a:pt x="500114" y="33174"/>
                    <a:pt x="499988" y="33486"/>
                    <a:pt x="499906" y="33836"/>
                  </a:cubicBezTo>
                  <a:cubicBezTo>
                    <a:pt x="499705" y="34714"/>
                    <a:pt x="499564" y="35637"/>
                    <a:pt x="499519" y="36597"/>
                  </a:cubicBezTo>
                  <a:cubicBezTo>
                    <a:pt x="499348" y="39849"/>
                    <a:pt x="499385" y="43086"/>
                    <a:pt x="499430" y="46226"/>
                  </a:cubicBezTo>
                  <a:cubicBezTo>
                    <a:pt x="498693" y="45623"/>
                    <a:pt x="497949" y="45028"/>
                    <a:pt x="497190" y="44462"/>
                  </a:cubicBezTo>
                  <a:cubicBezTo>
                    <a:pt x="494548" y="42498"/>
                    <a:pt x="491906" y="40541"/>
                    <a:pt x="489265" y="38576"/>
                  </a:cubicBezTo>
                  <a:lnTo>
                    <a:pt x="489265" y="38576"/>
                  </a:lnTo>
                  <a:cubicBezTo>
                    <a:pt x="486735" y="36701"/>
                    <a:pt x="484204" y="34818"/>
                    <a:pt x="481682" y="32943"/>
                  </a:cubicBezTo>
                  <a:cubicBezTo>
                    <a:pt x="469351" y="23798"/>
                    <a:pt x="456612" y="14347"/>
                    <a:pt x="444229" y="4882"/>
                  </a:cubicBezTo>
                  <a:cubicBezTo>
                    <a:pt x="439876" y="1555"/>
                    <a:pt x="435344" y="0"/>
                    <a:pt x="429972" y="0"/>
                  </a:cubicBezTo>
                  <a:lnTo>
                    <a:pt x="429957" y="0"/>
                  </a:lnTo>
                  <a:cubicBezTo>
                    <a:pt x="409478" y="15"/>
                    <a:pt x="389007" y="15"/>
                    <a:pt x="368528" y="22"/>
                  </a:cubicBezTo>
                  <a:cubicBezTo>
                    <a:pt x="322317" y="30"/>
                    <a:pt x="276113" y="45"/>
                    <a:pt x="229909" y="164"/>
                  </a:cubicBezTo>
                  <a:cubicBezTo>
                    <a:pt x="224343" y="179"/>
                    <a:pt x="218189" y="1057"/>
                    <a:pt x="211618" y="2776"/>
                  </a:cubicBezTo>
                  <a:cubicBezTo>
                    <a:pt x="199452" y="5953"/>
                    <a:pt x="192040" y="15032"/>
                    <a:pt x="185826" y="24371"/>
                  </a:cubicBezTo>
                  <a:cubicBezTo>
                    <a:pt x="177380" y="37088"/>
                    <a:pt x="175803" y="50549"/>
                    <a:pt x="181146" y="64390"/>
                  </a:cubicBezTo>
                  <a:cubicBezTo>
                    <a:pt x="186184" y="77435"/>
                    <a:pt x="196319" y="85777"/>
                    <a:pt x="203515" y="90912"/>
                  </a:cubicBezTo>
                  <a:cubicBezTo>
                    <a:pt x="206967" y="93375"/>
                    <a:pt x="211008" y="94796"/>
                    <a:pt x="214855" y="95763"/>
                  </a:cubicBezTo>
                  <a:cubicBezTo>
                    <a:pt x="213598" y="95771"/>
                    <a:pt x="212348" y="95786"/>
                    <a:pt x="211090" y="95801"/>
                  </a:cubicBezTo>
                  <a:cubicBezTo>
                    <a:pt x="202235" y="95875"/>
                    <a:pt x="193074" y="95957"/>
                    <a:pt x="184033" y="96441"/>
                  </a:cubicBezTo>
                  <a:cubicBezTo>
                    <a:pt x="179137" y="96708"/>
                    <a:pt x="175498" y="95399"/>
                    <a:pt x="171040" y="91805"/>
                  </a:cubicBezTo>
                  <a:cubicBezTo>
                    <a:pt x="157676" y="81022"/>
                    <a:pt x="139950" y="66898"/>
                    <a:pt x="121347" y="53355"/>
                  </a:cubicBezTo>
                  <a:cubicBezTo>
                    <a:pt x="115572" y="49150"/>
                    <a:pt x="109068" y="45556"/>
                    <a:pt x="102319" y="42736"/>
                  </a:cubicBezTo>
                  <a:cubicBezTo>
                    <a:pt x="100674" y="42029"/>
                    <a:pt x="99015" y="41367"/>
                    <a:pt x="97341" y="40779"/>
                  </a:cubicBezTo>
                  <a:cubicBezTo>
                    <a:pt x="95294" y="40057"/>
                    <a:pt x="93203" y="39439"/>
                    <a:pt x="91090" y="38866"/>
                  </a:cubicBezTo>
                  <a:cubicBezTo>
                    <a:pt x="90688" y="38762"/>
                    <a:pt x="90286" y="38658"/>
                    <a:pt x="89892" y="38561"/>
                  </a:cubicBezTo>
                  <a:cubicBezTo>
                    <a:pt x="87972" y="38070"/>
                    <a:pt x="86037" y="37631"/>
                    <a:pt x="84073" y="37259"/>
                  </a:cubicBezTo>
                  <a:cubicBezTo>
                    <a:pt x="83946" y="37237"/>
                    <a:pt x="83820" y="37200"/>
                    <a:pt x="83693" y="37177"/>
                  </a:cubicBezTo>
                  <a:lnTo>
                    <a:pt x="83693" y="37177"/>
                  </a:lnTo>
                  <a:cubicBezTo>
                    <a:pt x="74481" y="35473"/>
                    <a:pt x="64799" y="35064"/>
                    <a:pt x="54746" y="36031"/>
                  </a:cubicBezTo>
                  <a:cubicBezTo>
                    <a:pt x="36797" y="37750"/>
                    <a:pt x="21572" y="43153"/>
                    <a:pt x="8193" y="52536"/>
                  </a:cubicBezTo>
                  <a:cubicBezTo>
                    <a:pt x="4345" y="55238"/>
                    <a:pt x="364" y="58661"/>
                    <a:pt x="22" y="63609"/>
                  </a:cubicBezTo>
                  <a:cubicBezTo>
                    <a:pt x="-313" y="68580"/>
                    <a:pt x="3244" y="72598"/>
                    <a:pt x="6771" y="75865"/>
                  </a:cubicBezTo>
                  <a:close/>
                  <a:moveTo>
                    <a:pt x="523942" y="223264"/>
                  </a:moveTo>
                  <a:lnTo>
                    <a:pt x="524165" y="219187"/>
                  </a:lnTo>
                  <a:cubicBezTo>
                    <a:pt x="524656" y="210235"/>
                    <a:pt x="525162" y="200970"/>
                    <a:pt x="525199" y="191795"/>
                  </a:cubicBezTo>
                  <a:cubicBezTo>
                    <a:pt x="525363" y="153025"/>
                    <a:pt x="525370" y="113586"/>
                    <a:pt x="525244" y="74578"/>
                  </a:cubicBezTo>
                  <a:cubicBezTo>
                    <a:pt x="525214" y="66980"/>
                    <a:pt x="524730" y="59338"/>
                    <a:pt x="524254" y="51941"/>
                  </a:cubicBezTo>
                  <a:lnTo>
                    <a:pt x="523986" y="47677"/>
                  </a:lnTo>
                  <a:cubicBezTo>
                    <a:pt x="543297" y="47737"/>
                    <a:pt x="558336" y="47737"/>
                    <a:pt x="572594" y="47655"/>
                  </a:cubicBezTo>
                  <a:lnTo>
                    <a:pt x="572594" y="141022"/>
                  </a:lnTo>
                  <a:lnTo>
                    <a:pt x="572690" y="141022"/>
                  </a:lnTo>
                  <a:lnTo>
                    <a:pt x="572690" y="155920"/>
                  </a:lnTo>
                  <a:cubicBezTo>
                    <a:pt x="572690" y="178683"/>
                    <a:pt x="572683" y="201454"/>
                    <a:pt x="572720" y="224217"/>
                  </a:cubicBezTo>
                  <a:cubicBezTo>
                    <a:pt x="561476" y="224105"/>
                    <a:pt x="550232" y="224083"/>
                    <a:pt x="538988" y="224061"/>
                  </a:cubicBezTo>
                  <a:lnTo>
                    <a:pt x="524492" y="224024"/>
                  </a:lnTo>
                  <a:cubicBezTo>
                    <a:pt x="524284" y="224024"/>
                    <a:pt x="524098" y="224024"/>
                    <a:pt x="523927" y="224016"/>
                  </a:cubicBezTo>
                  <a:cubicBezTo>
                    <a:pt x="523934" y="223793"/>
                    <a:pt x="523942" y="223540"/>
                    <a:pt x="523964" y="223257"/>
                  </a:cubicBezTo>
                  <a:close/>
                  <a:moveTo>
                    <a:pt x="32221" y="66169"/>
                  </a:moveTo>
                  <a:cubicBezTo>
                    <a:pt x="37757" y="64115"/>
                    <a:pt x="42989" y="62173"/>
                    <a:pt x="48220" y="61220"/>
                  </a:cubicBezTo>
                  <a:cubicBezTo>
                    <a:pt x="55959" y="59807"/>
                    <a:pt x="64271" y="59918"/>
                    <a:pt x="72107" y="60253"/>
                  </a:cubicBezTo>
                  <a:cubicBezTo>
                    <a:pt x="92050" y="61109"/>
                    <a:pt x="107960" y="72063"/>
                    <a:pt x="122180" y="83783"/>
                  </a:cubicBezTo>
                  <a:cubicBezTo>
                    <a:pt x="131713" y="91633"/>
                    <a:pt x="141483" y="99492"/>
                    <a:pt x="150934" y="107089"/>
                  </a:cubicBezTo>
                  <a:cubicBezTo>
                    <a:pt x="155071" y="110416"/>
                    <a:pt x="159208" y="113742"/>
                    <a:pt x="163346" y="117076"/>
                  </a:cubicBezTo>
                  <a:cubicBezTo>
                    <a:pt x="167476" y="120417"/>
                    <a:pt x="172305" y="121935"/>
                    <a:pt x="178058" y="121734"/>
                  </a:cubicBezTo>
                  <a:cubicBezTo>
                    <a:pt x="185372" y="121481"/>
                    <a:pt x="192695" y="121317"/>
                    <a:pt x="200017" y="121154"/>
                  </a:cubicBezTo>
                  <a:cubicBezTo>
                    <a:pt x="212318" y="120878"/>
                    <a:pt x="225035" y="120595"/>
                    <a:pt x="237567" y="119866"/>
                  </a:cubicBezTo>
                  <a:cubicBezTo>
                    <a:pt x="253387" y="118943"/>
                    <a:pt x="268828" y="117291"/>
                    <a:pt x="283473" y="114940"/>
                  </a:cubicBezTo>
                  <a:cubicBezTo>
                    <a:pt x="306645" y="111219"/>
                    <a:pt x="330658" y="104983"/>
                    <a:pt x="354836" y="96396"/>
                  </a:cubicBezTo>
                  <a:cubicBezTo>
                    <a:pt x="357046" y="95615"/>
                    <a:pt x="362917" y="93531"/>
                    <a:pt x="364018" y="86648"/>
                  </a:cubicBezTo>
                  <a:cubicBezTo>
                    <a:pt x="364725" y="82235"/>
                    <a:pt x="363334" y="79251"/>
                    <a:pt x="362039" y="77517"/>
                  </a:cubicBezTo>
                  <a:cubicBezTo>
                    <a:pt x="359963" y="74741"/>
                    <a:pt x="356651" y="73037"/>
                    <a:pt x="352201" y="72457"/>
                  </a:cubicBezTo>
                  <a:cubicBezTo>
                    <a:pt x="350631" y="72256"/>
                    <a:pt x="349150" y="72278"/>
                    <a:pt x="347841" y="72301"/>
                  </a:cubicBezTo>
                  <a:lnTo>
                    <a:pt x="346695" y="72316"/>
                  </a:lnTo>
                  <a:cubicBezTo>
                    <a:pt x="307739" y="72316"/>
                    <a:pt x="268783" y="72330"/>
                    <a:pt x="229835" y="72353"/>
                  </a:cubicBezTo>
                  <a:lnTo>
                    <a:pt x="229820" y="72353"/>
                  </a:lnTo>
                  <a:cubicBezTo>
                    <a:pt x="222215" y="72353"/>
                    <a:pt x="215964" y="70217"/>
                    <a:pt x="210725" y="65827"/>
                  </a:cubicBezTo>
                  <a:cubicBezTo>
                    <a:pt x="206618" y="62389"/>
                    <a:pt x="201305" y="50081"/>
                    <a:pt x="203500" y="44492"/>
                  </a:cubicBezTo>
                  <a:cubicBezTo>
                    <a:pt x="207139" y="35228"/>
                    <a:pt x="210353" y="29728"/>
                    <a:pt x="216865" y="27213"/>
                  </a:cubicBezTo>
                  <a:cubicBezTo>
                    <a:pt x="221262" y="25517"/>
                    <a:pt x="226092" y="24579"/>
                    <a:pt x="230453" y="24571"/>
                  </a:cubicBezTo>
                  <a:cubicBezTo>
                    <a:pt x="253655" y="24512"/>
                    <a:pt x="276857" y="24527"/>
                    <a:pt x="300052" y="24527"/>
                  </a:cubicBezTo>
                  <a:cubicBezTo>
                    <a:pt x="340823" y="24549"/>
                    <a:pt x="382979" y="24564"/>
                    <a:pt x="424450" y="24170"/>
                  </a:cubicBezTo>
                  <a:cubicBezTo>
                    <a:pt x="430046" y="24199"/>
                    <a:pt x="433536" y="26789"/>
                    <a:pt x="437867" y="30167"/>
                  </a:cubicBezTo>
                  <a:cubicBezTo>
                    <a:pt x="438886" y="30964"/>
                    <a:pt x="439913" y="31760"/>
                    <a:pt x="440970" y="32534"/>
                  </a:cubicBezTo>
                  <a:cubicBezTo>
                    <a:pt x="452035" y="40571"/>
                    <a:pt x="463093" y="49083"/>
                    <a:pt x="473787" y="57314"/>
                  </a:cubicBezTo>
                  <a:cubicBezTo>
                    <a:pt x="478229" y="60729"/>
                    <a:pt x="482664" y="64152"/>
                    <a:pt x="487122" y="67546"/>
                  </a:cubicBezTo>
                  <a:cubicBezTo>
                    <a:pt x="488580" y="68662"/>
                    <a:pt x="490046" y="69763"/>
                    <a:pt x="491512" y="70865"/>
                  </a:cubicBezTo>
                  <a:cubicBezTo>
                    <a:pt x="494615" y="73201"/>
                    <a:pt x="497822" y="75620"/>
                    <a:pt x="500724" y="77934"/>
                  </a:cubicBezTo>
                  <a:cubicBezTo>
                    <a:pt x="500710" y="92608"/>
                    <a:pt x="500643" y="107283"/>
                    <a:pt x="500576" y="121957"/>
                  </a:cubicBezTo>
                  <a:cubicBezTo>
                    <a:pt x="500523" y="134489"/>
                    <a:pt x="500464" y="147027"/>
                    <a:pt x="500442" y="159559"/>
                  </a:cubicBezTo>
                  <a:cubicBezTo>
                    <a:pt x="500434" y="164358"/>
                    <a:pt x="500501" y="169158"/>
                    <a:pt x="500576" y="173958"/>
                  </a:cubicBezTo>
                  <a:cubicBezTo>
                    <a:pt x="500643" y="178251"/>
                    <a:pt x="500702" y="182553"/>
                    <a:pt x="500710" y="186846"/>
                  </a:cubicBezTo>
                  <a:cubicBezTo>
                    <a:pt x="491549" y="187829"/>
                    <a:pt x="482381" y="188736"/>
                    <a:pt x="473214" y="189644"/>
                  </a:cubicBezTo>
                  <a:cubicBezTo>
                    <a:pt x="467766" y="190180"/>
                    <a:pt x="462319" y="190723"/>
                    <a:pt x="456880" y="191274"/>
                  </a:cubicBezTo>
                  <a:cubicBezTo>
                    <a:pt x="450339" y="191944"/>
                    <a:pt x="443790" y="192636"/>
                    <a:pt x="437249" y="193335"/>
                  </a:cubicBezTo>
                  <a:cubicBezTo>
                    <a:pt x="429332" y="194176"/>
                    <a:pt x="421414" y="195024"/>
                    <a:pt x="413489" y="195813"/>
                  </a:cubicBezTo>
                  <a:cubicBezTo>
                    <a:pt x="407603" y="196401"/>
                    <a:pt x="401716" y="196929"/>
                    <a:pt x="395830" y="197458"/>
                  </a:cubicBezTo>
                  <a:cubicBezTo>
                    <a:pt x="389215" y="198053"/>
                    <a:pt x="382592" y="198656"/>
                    <a:pt x="375984" y="199326"/>
                  </a:cubicBezTo>
                  <a:cubicBezTo>
                    <a:pt x="371370" y="199794"/>
                    <a:pt x="366734" y="200405"/>
                    <a:pt x="362255" y="200992"/>
                  </a:cubicBezTo>
                  <a:cubicBezTo>
                    <a:pt x="359382" y="201372"/>
                    <a:pt x="356503" y="201751"/>
                    <a:pt x="353630" y="202086"/>
                  </a:cubicBezTo>
                  <a:cubicBezTo>
                    <a:pt x="351398" y="202354"/>
                    <a:pt x="349165" y="202644"/>
                    <a:pt x="346933" y="202942"/>
                  </a:cubicBezTo>
                  <a:cubicBezTo>
                    <a:pt x="340883" y="203746"/>
                    <a:pt x="335175" y="204497"/>
                    <a:pt x="329408" y="204698"/>
                  </a:cubicBezTo>
                  <a:cubicBezTo>
                    <a:pt x="325889" y="204817"/>
                    <a:pt x="322235" y="204304"/>
                    <a:pt x="318350" y="203768"/>
                  </a:cubicBezTo>
                  <a:cubicBezTo>
                    <a:pt x="316304" y="203485"/>
                    <a:pt x="314258" y="203195"/>
                    <a:pt x="312219" y="203002"/>
                  </a:cubicBezTo>
                  <a:cubicBezTo>
                    <a:pt x="306786" y="202473"/>
                    <a:pt x="301354" y="201960"/>
                    <a:pt x="295915" y="201446"/>
                  </a:cubicBezTo>
                  <a:cubicBezTo>
                    <a:pt x="285683" y="200479"/>
                    <a:pt x="275451" y="199512"/>
                    <a:pt x="265226" y="198433"/>
                  </a:cubicBezTo>
                  <a:cubicBezTo>
                    <a:pt x="260799" y="197964"/>
                    <a:pt x="256259" y="197339"/>
                    <a:pt x="251884" y="196736"/>
                  </a:cubicBezTo>
                  <a:cubicBezTo>
                    <a:pt x="247419" y="196118"/>
                    <a:pt x="242798" y="195478"/>
                    <a:pt x="238199" y="194995"/>
                  </a:cubicBezTo>
                  <a:cubicBezTo>
                    <a:pt x="230862" y="194221"/>
                    <a:pt x="223510" y="193558"/>
                    <a:pt x="216165" y="192896"/>
                  </a:cubicBezTo>
                  <a:cubicBezTo>
                    <a:pt x="210204" y="192360"/>
                    <a:pt x="204251" y="191817"/>
                    <a:pt x="198298" y="191222"/>
                  </a:cubicBezTo>
                  <a:cubicBezTo>
                    <a:pt x="193059" y="190693"/>
                    <a:pt x="187717" y="190024"/>
                    <a:pt x="182545" y="189376"/>
                  </a:cubicBezTo>
                  <a:cubicBezTo>
                    <a:pt x="180141" y="189071"/>
                    <a:pt x="177738" y="188774"/>
                    <a:pt x="175334" y="188483"/>
                  </a:cubicBezTo>
                  <a:cubicBezTo>
                    <a:pt x="175163" y="188461"/>
                    <a:pt x="174999" y="188424"/>
                    <a:pt x="174828" y="188387"/>
                  </a:cubicBezTo>
                  <a:cubicBezTo>
                    <a:pt x="174203" y="188260"/>
                    <a:pt x="173340" y="188089"/>
                    <a:pt x="172335" y="188089"/>
                  </a:cubicBezTo>
                  <a:cubicBezTo>
                    <a:pt x="171948" y="188089"/>
                    <a:pt x="171539" y="188119"/>
                    <a:pt x="171107" y="188178"/>
                  </a:cubicBezTo>
                  <a:cubicBezTo>
                    <a:pt x="165385" y="189034"/>
                    <a:pt x="161463" y="186444"/>
                    <a:pt x="155354" y="180670"/>
                  </a:cubicBezTo>
                  <a:cubicBezTo>
                    <a:pt x="129361" y="156128"/>
                    <a:pt x="102728" y="131400"/>
                    <a:pt x="76981" y="107484"/>
                  </a:cubicBezTo>
                  <a:lnTo>
                    <a:pt x="71117" y="102037"/>
                  </a:lnTo>
                  <a:cubicBezTo>
                    <a:pt x="61949" y="93524"/>
                    <a:pt x="52722" y="85070"/>
                    <a:pt x="43487" y="76609"/>
                  </a:cubicBezTo>
                  <a:cubicBezTo>
                    <a:pt x="39707" y="73142"/>
                    <a:pt x="35919" y="69674"/>
                    <a:pt x="32139" y="66199"/>
                  </a:cubicBezTo>
                  <a:cubicBezTo>
                    <a:pt x="32176" y="66184"/>
                    <a:pt x="32206" y="66176"/>
                    <a:pt x="32243" y="66162"/>
                  </a:cubicBezTo>
                  <a:close/>
                </a:path>
              </a:pathLst>
            </a:custGeom>
            <a:grpFill/>
            <a:ln w="74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pl-PL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730DF51A-CFBD-3DF5-8700-F9178FD0AB30}"/>
                </a:ext>
              </a:extLst>
            </p:cNvPr>
            <p:cNvSpPr/>
            <p:nvPr/>
          </p:nvSpPr>
          <p:spPr>
            <a:xfrm>
              <a:off x="4953000" y="1905000"/>
              <a:ext cx="762000" cy="762000"/>
            </a:xfrm>
            <a:custGeom>
              <a:avLst/>
              <a:gdLst>
                <a:gd name="connsiteX0" fmla="*/ 738188 w 762000"/>
                <a:gd name="connsiteY0" fmla="*/ 23813 h 762000"/>
                <a:gd name="connsiteX1" fmla="*/ 738188 w 762000"/>
                <a:gd name="connsiteY1" fmla="*/ 738188 h 762000"/>
                <a:gd name="connsiteX2" fmla="*/ 23813 w 762000"/>
                <a:gd name="connsiteY2" fmla="*/ 738188 h 762000"/>
                <a:gd name="connsiteX3" fmla="*/ 23813 w 762000"/>
                <a:gd name="connsiteY3" fmla="*/ 23813 h 762000"/>
                <a:gd name="connsiteX4" fmla="*/ 738188 w 762000"/>
                <a:gd name="connsiteY4" fmla="*/ 23813 h 762000"/>
                <a:gd name="connsiteX5" fmla="*/ 762000 w 762000"/>
                <a:gd name="connsiteY5" fmla="*/ 0 h 762000"/>
                <a:gd name="connsiteX6" fmla="*/ 0 w 762000"/>
                <a:gd name="connsiteY6" fmla="*/ 0 h 762000"/>
                <a:gd name="connsiteX7" fmla="*/ 0 w 762000"/>
                <a:gd name="connsiteY7" fmla="*/ 762000 h 762000"/>
                <a:gd name="connsiteX8" fmla="*/ 762000 w 762000"/>
                <a:gd name="connsiteY8" fmla="*/ 762000 h 762000"/>
                <a:gd name="connsiteX9" fmla="*/ 762000 w 762000"/>
                <a:gd name="connsiteY9" fmla="*/ 0 h 762000"/>
                <a:gd name="connsiteX10" fmla="*/ 762000 w 762000"/>
                <a:gd name="connsiteY10" fmla="*/ 0 h 762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762000" h="762000">
                  <a:moveTo>
                    <a:pt x="738188" y="23813"/>
                  </a:moveTo>
                  <a:lnTo>
                    <a:pt x="738188" y="738188"/>
                  </a:lnTo>
                  <a:lnTo>
                    <a:pt x="23813" y="738188"/>
                  </a:lnTo>
                  <a:lnTo>
                    <a:pt x="23813" y="23813"/>
                  </a:lnTo>
                  <a:lnTo>
                    <a:pt x="738188" y="23813"/>
                  </a:lnTo>
                  <a:moveTo>
                    <a:pt x="762000" y="0"/>
                  </a:moveTo>
                  <a:lnTo>
                    <a:pt x="0" y="0"/>
                  </a:lnTo>
                  <a:lnTo>
                    <a:pt x="0" y="762000"/>
                  </a:lnTo>
                  <a:lnTo>
                    <a:pt x="762000" y="762000"/>
                  </a:lnTo>
                  <a:lnTo>
                    <a:pt x="762000" y="0"/>
                  </a:lnTo>
                  <a:lnTo>
                    <a:pt x="762000" y="0"/>
                  </a:lnTo>
                  <a:close/>
                </a:path>
              </a:pathLst>
            </a:custGeom>
            <a:grpFill/>
            <a:ln w="74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pl-PL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10FBF1D2-8C96-242E-FFD1-B4942741DEEC}"/>
                </a:ext>
              </a:extLst>
            </p:cNvPr>
            <p:cNvSpPr/>
            <p:nvPr/>
          </p:nvSpPr>
          <p:spPr>
            <a:xfrm>
              <a:off x="5203187" y="2005994"/>
              <a:ext cx="268441" cy="268441"/>
            </a:xfrm>
            <a:custGeom>
              <a:avLst/>
              <a:gdLst>
                <a:gd name="connsiteX0" fmla="*/ 134221 w 268441"/>
                <a:gd name="connsiteY0" fmla="*/ 268441 h 268441"/>
                <a:gd name="connsiteX1" fmla="*/ 0 w 268441"/>
                <a:gd name="connsiteY1" fmla="*/ 134221 h 268441"/>
                <a:gd name="connsiteX2" fmla="*/ 134221 w 268441"/>
                <a:gd name="connsiteY2" fmla="*/ 0 h 268441"/>
                <a:gd name="connsiteX3" fmla="*/ 268441 w 268441"/>
                <a:gd name="connsiteY3" fmla="*/ 134221 h 268441"/>
                <a:gd name="connsiteX4" fmla="*/ 134221 w 268441"/>
                <a:gd name="connsiteY4" fmla="*/ 268441 h 268441"/>
                <a:gd name="connsiteX5" fmla="*/ 134221 w 268441"/>
                <a:gd name="connsiteY5" fmla="*/ 23813 h 268441"/>
                <a:gd name="connsiteX6" fmla="*/ 23813 w 268441"/>
                <a:gd name="connsiteY6" fmla="*/ 134221 h 268441"/>
                <a:gd name="connsiteX7" fmla="*/ 134221 w 268441"/>
                <a:gd name="connsiteY7" fmla="*/ 244629 h 268441"/>
                <a:gd name="connsiteX8" fmla="*/ 244629 w 268441"/>
                <a:gd name="connsiteY8" fmla="*/ 134221 h 268441"/>
                <a:gd name="connsiteX9" fmla="*/ 134221 w 268441"/>
                <a:gd name="connsiteY9" fmla="*/ 23813 h 2684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268441" h="268441">
                  <a:moveTo>
                    <a:pt x="134221" y="268441"/>
                  </a:moveTo>
                  <a:cubicBezTo>
                    <a:pt x="60216" y="268441"/>
                    <a:pt x="0" y="208233"/>
                    <a:pt x="0" y="134221"/>
                  </a:cubicBezTo>
                  <a:cubicBezTo>
                    <a:pt x="0" y="60208"/>
                    <a:pt x="60208" y="0"/>
                    <a:pt x="134221" y="0"/>
                  </a:cubicBezTo>
                  <a:cubicBezTo>
                    <a:pt x="208233" y="0"/>
                    <a:pt x="268441" y="60208"/>
                    <a:pt x="268441" y="134221"/>
                  </a:cubicBezTo>
                  <a:cubicBezTo>
                    <a:pt x="268441" y="208233"/>
                    <a:pt x="208233" y="268441"/>
                    <a:pt x="134221" y="268441"/>
                  </a:cubicBezTo>
                  <a:close/>
                  <a:moveTo>
                    <a:pt x="134221" y="23813"/>
                  </a:moveTo>
                  <a:cubicBezTo>
                    <a:pt x="73343" y="23813"/>
                    <a:pt x="23813" y="73343"/>
                    <a:pt x="23813" y="134221"/>
                  </a:cubicBezTo>
                  <a:cubicBezTo>
                    <a:pt x="23813" y="195099"/>
                    <a:pt x="73343" y="244629"/>
                    <a:pt x="134221" y="244629"/>
                  </a:cubicBezTo>
                  <a:cubicBezTo>
                    <a:pt x="195099" y="244629"/>
                    <a:pt x="244629" y="195099"/>
                    <a:pt x="244629" y="134221"/>
                  </a:cubicBezTo>
                  <a:cubicBezTo>
                    <a:pt x="244629" y="73343"/>
                    <a:pt x="195099" y="23813"/>
                    <a:pt x="134221" y="23813"/>
                  </a:cubicBezTo>
                  <a:close/>
                </a:path>
              </a:pathLst>
            </a:custGeom>
            <a:grpFill/>
            <a:ln w="74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pl-PL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76A6F80D-8162-1746-FA67-967AA2A53422}"/>
                </a:ext>
              </a:extLst>
            </p:cNvPr>
            <p:cNvSpPr/>
            <p:nvPr/>
          </p:nvSpPr>
          <p:spPr>
            <a:xfrm>
              <a:off x="5282751" y="2084762"/>
              <a:ext cx="89801" cy="115735"/>
            </a:xfrm>
            <a:custGeom>
              <a:avLst/>
              <a:gdLst>
                <a:gd name="connsiteX0" fmla="*/ 294240 w 426343"/>
                <a:gd name="connsiteY0" fmla="*/ 0 h 549467"/>
                <a:gd name="connsiteX1" fmla="*/ 360672 w 426343"/>
                <a:gd name="connsiteY1" fmla="*/ 6755 h 549467"/>
                <a:gd name="connsiteX2" fmla="*/ 411328 w 426343"/>
                <a:gd name="connsiteY2" fmla="*/ 21771 h 549467"/>
                <a:gd name="connsiteX3" fmla="*/ 376807 w 426343"/>
                <a:gd name="connsiteY3" fmla="*/ 119353 h 549467"/>
                <a:gd name="connsiteX4" fmla="*/ 294986 w 426343"/>
                <a:gd name="connsiteY4" fmla="*/ 100594 h 549467"/>
                <a:gd name="connsiteX5" fmla="*/ 183147 w 426343"/>
                <a:gd name="connsiteY5" fmla="*/ 172648 h 549467"/>
                <a:gd name="connsiteX6" fmla="*/ 359539 w 426343"/>
                <a:gd name="connsiteY6" fmla="*/ 172648 h 549467"/>
                <a:gd name="connsiteX7" fmla="*/ 337022 w 426343"/>
                <a:gd name="connsiteY7" fmla="*/ 241705 h 549467"/>
                <a:gd name="connsiteX8" fmla="*/ 167385 w 426343"/>
                <a:gd name="connsiteY8" fmla="*/ 241705 h 549467"/>
                <a:gd name="connsiteX9" fmla="*/ 165880 w 426343"/>
                <a:gd name="connsiteY9" fmla="*/ 273974 h 549467"/>
                <a:gd name="connsiteX10" fmla="*/ 166639 w 426343"/>
                <a:gd name="connsiteY10" fmla="*/ 306258 h 549467"/>
                <a:gd name="connsiteX11" fmla="*/ 319755 w 426343"/>
                <a:gd name="connsiteY11" fmla="*/ 306258 h 549467"/>
                <a:gd name="connsiteX12" fmla="*/ 297984 w 426343"/>
                <a:gd name="connsiteY12" fmla="*/ 373809 h 549467"/>
                <a:gd name="connsiteX13" fmla="*/ 177884 w 426343"/>
                <a:gd name="connsiteY13" fmla="*/ 373809 h 549467"/>
                <a:gd name="connsiteX14" fmla="*/ 274721 w 426343"/>
                <a:gd name="connsiteY14" fmla="*/ 451872 h 549467"/>
                <a:gd name="connsiteX15" fmla="*/ 364789 w 426343"/>
                <a:gd name="connsiteY15" fmla="*/ 408344 h 549467"/>
                <a:gd name="connsiteX16" fmla="*/ 426344 w 426343"/>
                <a:gd name="connsiteY16" fmla="*/ 484155 h 549467"/>
                <a:gd name="connsiteX17" fmla="*/ 356914 w 426343"/>
                <a:gd name="connsiteY17" fmla="*/ 532200 h 549467"/>
                <a:gd name="connsiteX18" fmla="*/ 264222 w 426343"/>
                <a:gd name="connsiteY18" fmla="*/ 549468 h 549467"/>
                <a:gd name="connsiteX19" fmla="*/ 60796 w 426343"/>
                <a:gd name="connsiteY19" fmla="*/ 373822 h 549467"/>
                <a:gd name="connsiteX20" fmla="*/ 0 w 426343"/>
                <a:gd name="connsiteY20" fmla="*/ 373822 h 549467"/>
                <a:gd name="connsiteX21" fmla="*/ 21025 w 426343"/>
                <a:gd name="connsiteY21" fmla="*/ 306271 h 549467"/>
                <a:gd name="connsiteX22" fmla="*/ 52549 w 426343"/>
                <a:gd name="connsiteY22" fmla="*/ 306271 h 549467"/>
                <a:gd name="connsiteX23" fmla="*/ 51802 w 426343"/>
                <a:gd name="connsiteY23" fmla="*/ 292761 h 549467"/>
                <a:gd name="connsiteX24" fmla="*/ 51802 w 426343"/>
                <a:gd name="connsiteY24" fmla="*/ 278491 h 549467"/>
                <a:gd name="connsiteX25" fmla="*/ 53295 w 426343"/>
                <a:gd name="connsiteY25" fmla="*/ 241718 h 549467"/>
                <a:gd name="connsiteX26" fmla="*/ 2252 w 426343"/>
                <a:gd name="connsiteY26" fmla="*/ 241718 h 549467"/>
                <a:gd name="connsiteX27" fmla="*/ 25528 w 426343"/>
                <a:gd name="connsiteY27" fmla="*/ 172661 h 549467"/>
                <a:gd name="connsiteX28" fmla="*/ 64566 w 426343"/>
                <a:gd name="connsiteY28" fmla="*/ 172661 h 549467"/>
                <a:gd name="connsiteX29" fmla="*/ 294253 w 426343"/>
                <a:gd name="connsiteY29" fmla="*/ 13 h 5494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</a:cxnLst>
              <a:rect l="l" t="t" r="r" b="b"/>
              <a:pathLst>
                <a:path w="426343" h="549467">
                  <a:moveTo>
                    <a:pt x="294240" y="0"/>
                  </a:moveTo>
                  <a:cubicBezTo>
                    <a:pt x="313253" y="0"/>
                    <a:pt x="335397" y="2252"/>
                    <a:pt x="360672" y="6755"/>
                  </a:cubicBezTo>
                  <a:cubicBezTo>
                    <a:pt x="385933" y="11259"/>
                    <a:pt x="402814" y="16268"/>
                    <a:pt x="411328" y="21771"/>
                  </a:cubicBezTo>
                  <a:lnTo>
                    <a:pt x="376807" y="119353"/>
                  </a:lnTo>
                  <a:cubicBezTo>
                    <a:pt x="356781" y="106856"/>
                    <a:pt x="329521" y="100594"/>
                    <a:pt x="294986" y="100594"/>
                  </a:cubicBezTo>
                  <a:cubicBezTo>
                    <a:pt x="240945" y="100594"/>
                    <a:pt x="203665" y="124616"/>
                    <a:pt x="183147" y="172648"/>
                  </a:cubicBezTo>
                  <a:lnTo>
                    <a:pt x="359539" y="172648"/>
                  </a:lnTo>
                  <a:lnTo>
                    <a:pt x="337022" y="241705"/>
                  </a:lnTo>
                  <a:lnTo>
                    <a:pt x="167385" y="241705"/>
                  </a:lnTo>
                  <a:lnTo>
                    <a:pt x="165880" y="273974"/>
                  </a:lnTo>
                  <a:lnTo>
                    <a:pt x="166639" y="306258"/>
                  </a:lnTo>
                  <a:lnTo>
                    <a:pt x="319755" y="306258"/>
                  </a:lnTo>
                  <a:lnTo>
                    <a:pt x="297984" y="373809"/>
                  </a:lnTo>
                  <a:lnTo>
                    <a:pt x="177884" y="373809"/>
                  </a:lnTo>
                  <a:cubicBezTo>
                    <a:pt x="194392" y="425864"/>
                    <a:pt x="226675" y="451872"/>
                    <a:pt x="274721" y="451872"/>
                  </a:cubicBezTo>
                  <a:cubicBezTo>
                    <a:pt x="310748" y="451872"/>
                    <a:pt x="340779" y="437363"/>
                    <a:pt x="364789" y="408344"/>
                  </a:cubicBezTo>
                  <a:lnTo>
                    <a:pt x="426344" y="484155"/>
                  </a:lnTo>
                  <a:cubicBezTo>
                    <a:pt x="408823" y="504674"/>
                    <a:pt x="385680" y="520689"/>
                    <a:pt x="356914" y="532200"/>
                  </a:cubicBezTo>
                  <a:cubicBezTo>
                    <a:pt x="328135" y="543699"/>
                    <a:pt x="297238" y="549468"/>
                    <a:pt x="264222" y="549468"/>
                  </a:cubicBezTo>
                  <a:cubicBezTo>
                    <a:pt x="151623" y="549468"/>
                    <a:pt x="83806" y="490924"/>
                    <a:pt x="60796" y="373822"/>
                  </a:cubicBezTo>
                  <a:lnTo>
                    <a:pt x="0" y="373822"/>
                  </a:lnTo>
                  <a:lnTo>
                    <a:pt x="21025" y="306271"/>
                  </a:lnTo>
                  <a:lnTo>
                    <a:pt x="52549" y="306271"/>
                  </a:lnTo>
                  <a:lnTo>
                    <a:pt x="51802" y="292761"/>
                  </a:lnTo>
                  <a:lnTo>
                    <a:pt x="51802" y="278491"/>
                  </a:lnTo>
                  <a:lnTo>
                    <a:pt x="53295" y="241718"/>
                  </a:lnTo>
                  <a:lnTo>
                    <a:pt x="2252" y="241718"/>
                  </a:lnTo>
                  <a:lnTo>
                    <a:pt x="25528" y="172661"/>
                  </a:lnTo>
                  <a:lnTo>
                    <a:pt x="64566" y="172661"/>
                  </a:lnTo>
                  <a:cubicBezTo>
                    <a:pt x="95584" y="57572"/>
                    <a:pt x="172155" y="13"/>
                    <a:pt x="294253" y="13"/>
                  </a:cubicBezTo>
                  <a:close/>
                </a:path>
              </a:pathLst>
            </a:custGeom>
            <a:grpFill/>
            <a:ln w="133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pl-PL"/>
            </a:p>
          </p:txBody>
        </p:sp>
      </p:grpSp>
      <p:pic>
        <p:nvPicPr>
          <p:cNvPr id="17" name="Graphic 16">
            <a:extLst>
              <a:ext uri="{FF2B5EF4-FFF2-40B4-BE49-F238E27FC236}">
                <a16:creationId xmlns:a16="http://schemas.microsoft.com/office/drawing/2014/main" id="{A8B97066-0348-CC01-1E40-8ACF724ECC34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>
            <a:fillRect/>
          </a:stretch>
        </p:blipFill>
        <p:spPr>
          <a:xfrm>
            <a:off x="381000" y="1905000"/>
            <a:ext cx="762000" cy="762000"/>
          </a:xfrm>
          <a:prstGeom prst="rect">
            <a:avLst/>
          </a:prstGeom>
        </p:spPr>
      </p:pic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DDB0A597-4F29-AE12-8C2D-7FD3C7F4614E}"/>
              </a:ext>
            </a:extLst>
          </p:cNvPr>
          <p:cNvSpPr txBox="1">
            <a:spLocks/>
          </p:cNvSpPr>
          <p:nvPr/>
        </p:nvSpPr>
        <p:spPr>
          <a:xfrm>
            <a:off x="3827757" y="1905001"/>
            <a:ext cx="1905000" cy="762000"/>
          </a:xfrm>
          <a:prstGeom prst="rect">
            <a:avLst/>
          </a:prstGeom>
        </p:spPr>
        <p:txBody>
          <a:bodyPr lIns="180000" tIns="0" rIns="0" bIns="0" numCol="1" anchor="ctr"/>
          <a:lstStyle>
            <a:lvl1pPr marL="176400" indent="-1764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20400" indent="-144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60800" indent="-126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8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44000" indent="-144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Wingdings" panose="05000000000000000000" pitchFamily="2" charset="2"/>
              <a:buChar char="§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r>
              <a:rPr lang="en-US" b="1" dirty="0"/>
              <a:t>24 </a:t>
            </a:r>
            <a:r>
              <a:rPr lang="en-US" dirty="0"/>
              <a:t>European factories</a:t>
            </a:r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A8418EC6-0519-25F8-9B51-907A77DA365E}"/>
              </a:ext>
            </a:extLst>
          </p:cNvPr>
          <p:cNvSpPr txBox="1">
            <a:spLocks/>
          </p:cNvSpPr>
          <p:nvPr/>
        </p:nvSpPr>
        <p:spPr>
          <a:xfrm>
            <a:off x="1143001" y="1905000"/>
            <a:ext cx="1904999" cy="762000"/>
          </a:xfrm>
          <a:prstGeom prst="rect">
            <a:avLst/>
          </a:prstGeom>
        </p:spPr>
        <p:txBody>
          <a:bodyPr lIns="180000" tIns="0" rIns="0" bIns="0" numCol="1" anchor="ctr"/>
          <a:lstStyle>
            <a:lvl1pPr marL="176400" indent="-1764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20400" indent="-144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60800" indent="-126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8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44000" indent="-144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Wingdings" panose="05000000000000000000" pitchFamily="2" charset="2"/>
              <a:buChar char="§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r>
              <a:rPr lang="en-US" b="1" dirty="0"/>
              <a:t>8,000 </a:t>
            </a:r>
            <a:br>
              <a:rPr lang="en-US" b="1" dirty="0"/>
            </a:br>
            <a:r>
              <a:rPr lang="en-US" dirty="0"/>
              <a:t>employees in Europe</a:t>
            </a:r>
            <a:endParaRPr lang="pl-PL" dirty="0"/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id="{19C5C5EC-E4E9-FC4C-8507-EE776ABB4E41}"/>
              </a:ext>
            </a:extLst>
          </p:cNvPr>
          <p:cNvSpPr txBox="1">
            <a:spLocks/>
          </p:cNvSpPr>
          <p:nvPr/>
        </p:nvSpPr>
        <p:spPr>
          <a:xfrm>
            <a:off x="6857999" y="1905000"/>
            <a:ext cx="2186609" cy="762000"/>
          </a:xfrm>
          <a:prstGeom prst="rect">
            <a:avLst/>
          </a:prstGeom>
        </p:spPr>
        <p:txBody>
          <a:bodyPr lIns="180000" tIns="0" rIns="0" bIns="0" numCol="1" anchor="ctr"/>
          <a:lstStyle>
            <a:lvl1pPr marL="176400" indent="-1764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20400" indent="-144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60800" indent="-126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8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44000" indent="-144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Wingdings" panose="05000000000000000000" pitchFamily="2" charset="2"/>
              <a:buChar char="§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r>
              <a:rPr lang="en-US" dirty="0"/>
              <a:t>ca. </a:t>
            </a:r>
            <a:r>
              <a:rPr lang="en-US" b="1" dirty="0"/>
              <a:t>€300 million </a:t>
            </a:r>
            <a:br>
              <a:rPr lang="en-US" dirty="0"/>
            </a:br>
            <a:r>
              <a:rPr lang="en-US" dirty="0"/>
              <a:t>per new plant</a:t>
            </a:r>
            <a:endParaRPr lang="pl-PL" dirty="0"/>
          </a:p>
        </p:txBody>
      </p:sp>
      <p:sp>
        <p:nvSpPr>
          <p:cNvPr id="22" name="Footer Placeholder 21">
            <a:extLst>
              <a:ext uri="{FF2B5EF4-FFF2-40B4-BE49-F238E27FC236}">
                <a16:creationId xmlns:a16="http://schemas.microsoft.com/office/drawing/2014/main" id="{496D6BD3-19CF-D76A-A80E-3839FC724D70}"/>
              </a:ext>
            </a:extLst>
          </p:cNvPr>
          <p:cNvSpPr>
            <a:spLocks noGrp="1"/>
          </p:cNvSpPr>
          <p:nvPr>
            <p:ph type="ftr" sz="quarter" idx="34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7047293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4E398FB-06FC-D7B7-E0A4-98184EA15C2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0" name="Picture 39" descr="A map of europe with water and land&#10;&#10;AI-generated content may be incorrect.">
            <a:extLst>
              <a:ext uri="{FF2B5EF4-FFF2-40B4-BE49-F238E27FC236}">
                <a16:creationId xmlns:a16="http://schemas.microsoft.com/office/drawing/2014/main" id="{D079A32E-843F-EEA4-DAE8-2EEDE68DD194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saturation sat="90000"/>
                    </a14:imgEffect>
                    <a14:imgEffect>
                      <a14:brightnessContrast bright="-1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rcRect l="74" t="5414" b="5140"/>
          <a:stretch>
            <a:fillRect/>
          </a:stretch>
        </p:blipFill>
        <p:spPr>
          <a:xfrm>
            <a:off x="571500" y="0"/>
            <a:ext cx="9525000" cy="5716800"/>
          </a:xfrm>
          <a:prstGeom prst="rect">
            <a:avLst/>
          </a:prstGeom>
        </p:spPr>
      </p:pic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FE8D2CE-F386-FCBC-024D-9439B0ABE893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85D528C-AF3E-8DDF-0CAE-E0214617985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9025E5E-1FCA-029E-7679-21D8CF76487E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C4A96EFB-8FA7-2417-08BC-1646B122CA9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001000" y="1713600"/>
            <a:ext cx="3810000" cy="3427200"/>
          </a:xfrm>
          <a:gradFill>
            <a:gsLst>
              <a:gs pos="57000">
                <a:schemeClr val="accent4"/>
              </a:gs>
              <a:gs pos="0">
                <a:schemeClr val="accent1"/>
              </a:gs>
            </a:gsLst>
            <a:lin ang="2700000" scaled="0"/>
          </a:gradFill>
        </p:spPr>
        <p:txBody>
          <a:bodyPr/>
          <a:lstStyle/>
          <a:p>
            <a:r>
              <a:rPr lang="pl-PL" dirty="0" err="1"/>
              <a:t>Turning</a:t>
            </a:r>
            <a:r>
              <a:rPr lang="pl-PL" dirty="0"/>
              <a:t> </a:t>
            </a:r>
            <a:r>
              <a:rPr lang="pl-PL" dirty="0" err="1"/>
              <a:t>ambition</a:t>
            </a:r>
            <a:r>
              <a:rPr lang="pl-PL" dirty="0"/>
              <a:t> </a:t>
            </a:r>
            <a:r>
              <a:rPr lang="pl-PL" dirty="0" err="1"/>
              <a:t>into</a:t>
            </a:r>
            <a:r>
              <a:rPr lang="pl-PL" dirty="0"/>
              <a:t> investment</a:t>
            </a:r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23CE1FAF-9557-2B4B-9DFD-3C516305B07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80400" y="763200"/>
            <a:ext cx="381600" cy="1141200"/>
          </a:xfrm>
          <a:gradFill>
            <a:gsLst>
              <a:gs pos="100000">
                <a:schemeClr val="accent4"/>
              </a:gs>
              <a:gs pos="0">
                <a:schemeClr val="accent1"/>
              </a:gs>
            </a:gsLst>
            <a:lin ang="5400000" scaled="0"/>
          </a:gradFill>
        </p:spPr>
        <p:txBody>
          <a:bodyPr/>
          <a:lstStyle/>
          <a:p>
            <a:endParaRPr lang="pl-PL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9F730BB-5EFD-1553-CDA1-EAC50F9393E7}"/>
              </a:ext>
            </a:extLst>
          </p:cNvPr>
          <p:cNvSpPr txBox="1"/>
          <p:nvPr/>
        </p:nvSpPr>
        <p:spPr>
          <a:xfrm>
            <a:off x="817563" y="3636118"/>
            <a:ext cx="2584174" cy="57554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lnSpc>
                <a:spcPct val="90000"/>
              </a:lnSpc>
              <a:spcAft>
                <a:spcPts val="600"/>
              </a:spcAft>
              <a:buFont typeface="Webdings" panose="05030102010509060703" pitchFamily="18" charset="2"/>
              <a:buChar char="&lt;"/>
            </a:pPr>
            <a:r>
              <a:rPr lang="en-GB" sz="1800" dirty="0">
                <a:solidFill>
                  <a:schemeClr val="bg1"/>
                </a:solidFill>
              </a:rPr>
              <a:t>Factories</a:t>
            </a:r>
          </a:p>
          <a:p>
            <a:pPr marL="285750" indent="-285750" algn="l">
              <a:lnSpc>
                <a:spcPct val="90000"/>
              </a:lnSpc>
              <a:spcAft>
                <a:spcPts val="600"/>
              </a:spcAft>
              <a:buClr>
                <a:srgbClr val="1AB092"/>
              </a:buClr>
              <a:buFont typeface="Webdings" panose="05030102010509060703" pitchFamily="18" charset="2"/>
              <a:buChar char="&lt;"/>
            </a:pPr>
            <a:r>
              <a:rPr lang="en-GB" dirty="0">
                <a:solidFill>
                  <a:schemeClr val="bg1"/>
                </a:solidFill>
              </a:rPr>
              <a:t>Planned factories</a:t>
            </a:r>
            <a:endParaRPr lang="pl-PL" sz="1800" dirty="0" err="1">
              <a:solidFill>
                <a:schemeClr val="bg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12C15DC-3B83-CABF-53B2-067B0DEC78BD}"/>
              </a:ext>
            </a:extLst>
          </p:cNvPr>
          <p:cNvSpPr/>
          <p:nvPr/>
        </p:nvSpPr>
        <p:spPr>
          <a:xfrm>
            <a:off x="4512469" y="1702594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2963D7D-8E0F-D3F5-237C-8C013BFB9C93}"/>
              </a:ext>
            </a:extLst>
          </p:cNvPr>
          <p:cNvSpPr/>
          <p:nvPr/>
        </p:nvSpPr>
        <p:spPr>
          <a:xfrm>
            <a:off x="4377983" y="2250172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8C8B3A6-27FE-80CF-88DD-3E1D111A45FB}"/>
              </a:ext>
            </a:extLst>
          </p:cNvPr>
          <p:cNvSpPr/>
          <p:nvPr/>
        </p:nvSpPr>
        <p:spPr>
          <a:xfrm>
            <a:off x="4354171" y="2387039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64F234D-03E1-08F0-1424-56CF155906B8}"/>
              </a:ext>
            </a:extLst>
          </p:cNvPr>
          <p:cNvSpPr/>
          <p:nvPr/>
        </p:nvSpPr>
        <p:spPr>
          <a:xfrm>
            <a:off x="3002102" y="2719758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5B2F8E9-4FDF-4E22-613C-F3BDC74D26DC}"/>
              </a:ext>
            </a:extLst>
          </p:cNvPr>
          <p:cNvSpPr/>
          <p:nvPr/>
        </p:nvSpPr>
        <p:spPr>
          <a:xfrm>
            <a:off x="2947988" y="2997993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24E3A8B-FB4E-B516-84A3-8701A19A0F61}"/>
              </a:ext>
            </a:extLst>
          </p:cNvPr>
          <p:cNvSpPr/>
          <p:nvPr/>
        </p:nvSpPr>
        <p:spPr>
          <a:xfrm>
            <a:off x="3969544" y="2869406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6E59F87E-7B55-3AAF-6DB3-FAEECDD0A347}"/>
              </a:ext>
            </a:extLst>
          </p:cNvPr>
          <p:cNvSpPr/>
          <p:nvPr/>
        </p:nvSpPr>
        <p:spPr>
          <a:xfrm>
            <a:off x="3767138" y="3128962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6BF22589-5C5E-2957-A43C-32AA9F832EFD}"/>
              </a:ext>
            </a:extLst>
          </p:cNvPr>
          <p:cNvSpPr/>
          <p:nvPr/>
        </p:nvSpPr>
        <p:spPr>
          <a:xfrm>
            <a:off x="3938588" y="3019424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FC4EB140-D5B2-C9DE-FFA4-E2F3BA5A7C33}"/>
              </a:ext>
            </a:extLst>
          </p:cNvPr>
          <p:cNvSpPr/>
          <p:nvPr/>
        </p:nvSpPr>
        <p:spPr>
          <a:xfrm>
            <a:off x="4067175" y="2971799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B12E1EE-7677-0645-986F-F40D9A6C98EB}"/>
              </a:ext>
            </a:extLst>
          </p:cNvPr>
          <p:cNvSpPr/>
          <p:nvPr/>
        </p:nvSpPr>
        <p:spPr>
          <a:xfrm>
            <a:off x="4176713" y="3131342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96B422E3-2829-3EC4-F7A6-938F7457CA2D}"/>
              </a:ext>
            </a:extLst>
          </p:cNvPr>
          <p:cNvSpPr/>
          <p:nvPr/>
        </p:nvSpPr>
        <p:spPr>
          <a:xfrm>
            <a:off x="4529138" y="2876548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CA0E37FB-3005-632F-D38A-4478309D2412}"/>
              </a:ext>
            </a:extLst>
          </p:cNvPr>
          <p:cNvSpPr/>
          <p:nvPr/>
        </p:nvSpPr>
        <p:spPr>
          <a:xfrm>
            <a:off x="5695950" y="2745579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090092C3-2816-7215-94E9-D9668D1E14F3}"/>
              </a:ext>
            </a:extLst>
          </p:cNvPr>
          <p:cNvSpPr/>
          <p:nvPr/>
        </p:nvSpPr>
        <p:spPr>
          <a:xfrm>
            <a:off x="4993482" y="2869404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934EDA68-1564-3370-2B6E-BF674659A88F}"/>
              </a:ext>
            </a:extLst>
          </p:cNvPr>
          <p:cNvSpPr/>
          <p:nvPr/>
        </p:nvSpPr>
        <p:spPr>
          <a:xfrm>
            <a:off x="4969670" y="3026566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55ED270A-0F5A-07DB-2C7C-02E7FCABF009}"/>
              </a:ext>
            </a:extLst>
          </p:cNvPr>
          <p:cNvSpPr/>
          <p:nvPr/>
        </p:nvSpPr>
        <p:spPr>
          <a:xfrm>
            <a:off x="3585506" y="3857488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3408B8FE-C138-2B30-CDE6-3FB4D21B4C3F}"/>
              </a:ext>
            </a:extLst>
          </p:cNvPr>
          <p:cNvSpPr/>
          <p:nvPr/>
        </p:nvSpPr>
        <p:spPr>
          <a:xfrm>
            <a:off x="4710114" y="3209922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E5A956D5-D068-318D-4001-25445437475B}"/>
              </a:ext>
            </a:extLst>
          </p:cNvPr>
          <p:cNvSpPr/>
          <p:nvPr/>
        </p:nvSpPr>
        <p:spPr>
          <a:xfrm>
            <a:off x="4505326" y="3467097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4BF830D-98E4-0AD8-165C-9A231547E3DA}"/>
              </a:ext>
            </a:extLst>
          </p:cNvPr>
          <p:cNvSpPr/>
          <p:nvPr/>
        </p:nvSpPr>
        <p:spPr>
          <a:xfrm>
            <a:off x="4331494" y="3793329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D4011482-ADE9-17CC-D393-A27235388D79}"/>
              </a:ext>
            </a:extLst>
          </p:cNvPr>
          <p:cNvSpPr/>
          <p:nvPr/>
        </p:nvSpPr>
        <p:spPr>
          <a:xfrm>
            <a:off x="2965465" y="4469167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C9B1779-7110-40F9-663F-103F2403B4E1}"/>
              </a:ext>
            </a:extLst>
          </p:cNvPr>
          <p:cNvSpPr/>
          <p:nvPr/>
        </p:nvSpPr>
        <p:spPr>
          <a:xfrm>
            <a:off x="4902994" y="4112417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3A8592B4-989E-724F-4593-F5CFBF33F4F6}"/>
              </a:ext>
            </a:extLst>
          </p:cNvPr>
          <p:cNvSpPr/>
          <p:nvPr/>
        </p:nvSpPr>
        <p:spPr>
          <a:xfrm>
            <a:off x="5245894" y="3769517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4916BED-C2A7-F689-0666-0FAF2DDC77D8}"/>
              </a:ext>
            </a:extLst>
          </p:cNvPr>
          <p:cNvSpPr/>
          <p:nvPr/>
        </p:nvSpPr>
        <p:spPr>
          <a:xfrm>
            <a:off x="6350794" y="4062144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0879D6D-1998-62F1-AA7B-07D924BCC177}"/>
              </a:ext>
            </a:extLst>
          </p:cNvPr>
          <p:cNvSpPr/>
          <p:nvPr/>
        </p:nvSpPr>
        <p:spPr>
          <a:xfrm>
            <a:off x="5279054" y="3239697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1EF5B9A-7174-B33C-0E02-497C0D58E586}"/>
              </a:ext>
            </a:extLst>
          </p:cNvPr>
          <p:cNvSpPr/>
          <p:nvPr/>
        </p:nvSpPr>
        <p:spPr>
          <a:xfrm>
            <a:off x="5207268" y="1742288"/>
            <a:ext cx="90488" cy="90488"/>
          </a:xfrm>
          <a:prstGeom prst="rect">
            <a:avLst/>
          </a:prstGeom>
          <a:solidFill>
            <a:srgbClr val="1AB092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C7E0F09B-1D9F-2EC4-E205-8900480D14B5}"/>
              </a:ext>
            </a:extLst>
          </p:cNvPr>
          <p:cNvSpPr/>
          <p:nvPr/>
        </p:nvSpPr>
        <p:spPr>
          <a:xfrm>
            <a:off x="3126583" y="2851972"/>
            <a:ext cx="90488" cy="90488"/>
          </a:xfrm>
          <a:prstGeom prst="rect">
            <a:avLst/>
          </a:prstGeom>
          <a:solidFill>
            <a:srgbClr val="1AB092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D37E1094-4B87-2D2A-E707-D50FAB33CB40}"/>
              </a:ext>
            </a:extLst>
          </p:cNvPr>
          <p:cNvSpPr/>
          <p:nvPr/>
        </p:nvSpPr>
        <p:spPr>
          <a:xfrm>
            <a:off x="3730764" y="3441344"/>
            <a:ext cx="90488" cy="90488"/>
          </a:xfrm>
          <a:prstGeom prst="rect">
            <a:avLst/>
          </a:prstGeom>
          <a:solidFill>
            <a:srgbClr val="1AB092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FAA0429B-3CA3-15C4-3134-9202B1E663FF}"/>
              </a:ext>
            </a:extLst>
          </p:cNvPr>
          <p:cNvSpPr/>
          <p:nvPr/>
        </p:nvSpPr>
        <p:spPr>
          <a:xfrm>
            <a:off x="4529138" y="4157661"/>
            <a:ext cx="90488" cy="90488"/>
          </a:xfrm>
          <a:prstGeom prst="rect">
            <a:avLst/>
          </a:prstGeom>
          <a:solidFill>
            <a:srgbClr val="1AB092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39" name="Rectangle 38">
            <a:extLst>
              <a:ext uri="{FF2B5EF4-FFF2-40B4-BE49-F238E27FC236}">
                <a16:creationId xmlns:a16="http://schemas.microsoft.com/office/drawing/2014/main" id="{7F021F97-DFA1-BBB4-8F97-030C8B8018BA}"/>
              </a:ext>
            </a:extLst>
          </p:cNvPr>
          <p:cNvSpPr/>
          <p:nvPr/>
        </p:nvSpPr>
        <p:spPr>
          <a:xfrm>
            <a:off x="6310313" y="4133582"/>
            <a:ext cx="90488" cy="90488"/>
          </a:xfrm>
          <a:prstGeom prst="rect">
            <a:avLst/>
          </a:prstGeom>
          <a:solidFill>
            <a:srgbClr val="1AB092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7E2A8BAE-E8F4-6F8A-46FE-E5B156F0E9DC}"/>
              </a:ext>
            </a:extLst>
          </p:cNvPr>
          <p:cNvSpPr/>
          <p:nvPr/>
        </p:nvSpPr>
        <p:spPr>
          <a:xfrm>
            <a:off x="4421326" y="2117346"/>
            <a:ext cx="90488" cy="9048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63500" sx="102000" sy="102000" algn="ctr" rotWithShape="0">
              <a:prstClr val="black"/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pl-PL" sz="1800" noProof="0" dirty="0" err="1"/>
          </a:p>
        </p:txBody>
      </p:sp>
    </p:spTree>
    <p:extLst>
      <p:ext uri="{BB962C8B-B14F-4D97-AF65-F5344CB8AC3E}">
        <p14:creationId xmlns:p14="http://schemas.microsoft.com/office/powerpoint/2010/main" val="145339880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Picture Placeholder 17" descr="A city with lights and a river&#10;&#10;AI-generated content may be incorrect.">
            <a:extLst>
              <a:ext uri="{FF2B5EF4-FFF2-40B4-BE49-F238E27FC236}">
                <a16:creationId xmlns:a16="http://schemas.microsoft.com/office/drawing/2014/main" id="{A5B1DA57-D5BB-9574-BC87-EB694725DADD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7498" t="11902" r="25673" b="14660"/>
          <a:stretch>
            <a:fillRect/>
          </a:stretch>
        </p:blipFill>
        <p:spPr>
          <a:xfrm>
            <a:off x="3810000" y="1"/>
            <a:ext cx="7810200" cy="5716798"/>
          </a:xfrm>
        </p:spPr>
      </p:pic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B05ED92-1A25-96AC-0B37-A553121CF8CD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r>
              <a:rPr lang="en-US"/>
              <a:t>Eufores IMP25 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646D0C8-2BAD-8FE3-B95C-26C889B9988A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r>
              <a:rPr lang="en-US"/>
              <a:t>18 October 2025  |  Eufores IPM25  |   ROCKWOOL A/S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5DFB44-CDB2-4A20-DDBB-5DCCE2C1D4DF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648596B-C583-422C-AC2D-081CBEF0B36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762000" y="2286000"/>
            <a:ext cx="3427200" cy="3048000"/>
          </a:xfrm>
        </p:spPr>
        <p:txBody>
          <a:bodyPr anchor="ctr"/>
          <a:lstStyle/>
          <a:p>
            <a:pPr>
              <a:lnSpc>
                <a:spcPct val="100000"/>
              </a:lnSpc>
            </a:pPr>
            <a:r>
              <a:rPr lang="en-US" sz="2400" b="0" dirty="0"/>
              <a:t> </a:t>
            </a:r>
            <a:r>
              <a:rPr lang="en-US" sz="3200" dirty="0"/>
              <a:t>CONFIDENCE TO INVEST</a:t>
            </a:r>
            <a:br>
              <a:rPr lang="en-US" sz="3200" dirty="0"/>
            </a:br>
            <a:br>
              <a:rPr lang="en-US" sz="1200" dirty="0"/>
            </a:br>
            <a:r>
              <a:rPr lang="en-US" sz="1800" b="0" dirty="0">
                <a:solidFill>
                  <a:srgbClr val="FAFADE"/>
                </a:solidFill>
              </a:rPr>
              <a:t>Policy clarity and predictability drive investment, jobs, and competitiveness. </a:t>
            </a:r>
            <a:endParaRPr lang="pl-PL" sz="1800" b="0" dirty="0">
              <a:solidFill>
                <a:srgbClr val="FAFADE"/>
              </a:solidFill>
            </a:endParaRPr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AD526FA3-30B4-F834-6E9E-61D7501C8ED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1430000" y="381000"/>
            <a:ext cx="381600" cy="1904999"/>
          </a:xfrm>
        </p:spPr>
        <p:txBody>
          <a:bodyPr lIns="180000" tIns="180000" rIns="180000" bIns="180000" anchor="ctr"/>
          <a:lstStyle/>
          <a:p>
            <a:r>
              <a:rPr lang="en-US" sz="1800" dirty="0">
                <a:solidFill>
                  <a:schemeClr val="bg1"/>
                </a:solidFill>
              </a:rPr>
              <a:t> </a:t>
            </a: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272544F2-FAAD-A6DE-4DB0-B73100897605}"/>
              </a:ext>
            </a:extLst>
          </p:cNvPr>
          <p:cNvSpPr txBox="1">
            <a:spLocks/>
          </p:cNvSpPr>
          <p:nvPr/>
        </p:nvSpPr>
        <p:spPr bwMode="white">
          <a:xfrm>
            <a:off x="381599" y="381000"/>
            <a:ext cx="5273766" cy="1414367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>
            <a:lvl1pPr algn="r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3600" b="1" kern="1200">
                <a:solidFill>
                  <a:srgbClr val="EBEA79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l"/>
            <a:r>
              <a:rPr lang="en-US" sz="4000" dirty="0">
                <a:solidFill>
                  <a:schemeClr val="accent1"/>
                </a:solidFill>
              </a:rPr>
              <a:t>A clear </a:t>
            </a:r>
            <a:br>
              <a:rPr lang="en-US" sz="4000" dirty="0">
                <a:solidFill>
                  <a:schemeClr val="accent1"/>
                </a:solidFill>
              </a:rPr>
            </a:br>
            <a:r>
              <a:rPr lang="en-US" sz="4000" dirty="0">
                <a:solidFill>
                  <a:schemeClr val="accent1"/>
                </a:solidFill>
              </a:rPr>
              <a:t>2040 target</a:t>
            </a:r>
            <a:endParaRPr lang="pl-PL" sz="4000" dirty="0">
              <a:solidFill>
                <a:schemeClr val="accent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2034397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thhkr\AppData\Local\Templafy\AddIns\PowerPointVsto\af4ae315-1bf6-4255-a1fd-f87f9c80c289.jpe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micsi\AppData\Local\Templafy\AddIns\PowerPointVsto\20250305 RW-GMC ICON 369.sv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micsi\AppData\Local\Templafy\AddIns\PowerPointVsto\20250310 RW-GMC ICON 412.svg"/>
</p:tagLst>
</file>

<file path=ppt/theme/theme1.xml><?xml version="1.0" encoding="utf-8"?>
<a:theme xmlns:a="http://schemas.openxmlformats.org/drawingml/2006/main" name="ROCKWOOL© PowerPoint template">
  <a:themeElements>
    <a:clrScheme name="ROCKWOOL">
      <a:dk1>
        <a:sysClr val="windowText" lastClr="000000"/>
      </a:dk1>
      <a:lt1>
        <a:sysClr val="window" lastClr="FFFFFF"/>
      </a:lt1>
      <a:dk2>
        <a:srgbClr val="63666A"/>
      </a:dk2>
      <a:lt2>
        <a:srgbClr val="D8D9DA"/>
      </a:lt2>
      <a:accent1>
        <a:srgbClr val="D20014"/>
      </a:accent1>
      <a:accent2>
        <a:srgbClr val="63666A"/>
      </a:accent2>
      <a:accent3>
        <a:srgbClr val="B1B2B4"/>
      </a:accent3>
      <a:accent4>
        <a:srgbClr val="8C0F1E"/>
      </a:accent4>
      <a:accent5>
        <a:srgbClr val="D6B874"/>
      </a:accent5>
      <a:accent6>
        <a:srgbClr val="45A6DE"/>
      </a:accent6>
      <a:hlink>
        <a:srgbClr val="000000"/>
      </a:hlink>
      <a:folHlink>
        <a:srgbClr val="636669"/>
      </a:folHlink>
    </a:clrScheme>
    <a:fontScheme name="ROCKWOOL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lnSpc>
            <a:spcPct val="90000"/>
          </a:lnSpc>
          <a:defRPr sz="18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rgbClr val="000000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lnSpc>
            <a:spcPct val="90000"/>
          </a:lnSpc>
          <a:spcAft>
            <a:spcPts val="600"/>
          </a:spcAft>
          <a:defRPr sz="1800" dirty="0" err="1"/>
        </a:defPPr>
      </a:lstStyle>
    </a:txDef>
  </a:objectDefaults>
  <a:extraClrSchemeLst/>
  <a:custClrLst>
    <a:custClr name="Rockpanel">
      <a:srgbClr val="253355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Cedar Green">
      <a:srgbClr val="1AB092"/>
    </a:custClr>
    <a:custClr name="Ocean Blue">
      <a:srgbClr val="45A6DE"/>
    </a:custClr>
    <a:custClr name="Coral Red">
      <a:srgbClr val="FF7768"/>
    </a:custClr>
    <a:custClr name="Stone Beige">
      <a:srgbClr val="D6BB74"/>
    </a:custClr>
    <a:custClr name="Sun Yellow">
      <a:srgbClr val="EBEA79"/>
    </a:custClr>
    <a:custClr name="Rockfon">
      <a:srgbClr val="00638E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75%">
      <a:srgbClr val="54C4AD"/>
    </a:custClr>
    <a:custClr name="75%">
      <a:srgbClr val="73BCE6"/>
    </a:custClr>
    <a:custClr name="75%">
      <a:srgbClr val="FF9A8E"/>
    </a:custClr>
    <a:custClr name="75%">
      <a:srgbClr val="E0CC97"/>
    </a:custClr>
    <a:custClr name="75%">
      <a:srgbClr val="F0EF9B"/>
    </a:custClr>
    <a:custClr name="Lapinus">
      <a:srgbClr val="002D72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50%">
      <a:srgbClr val="8DD7C8"/>
    </a:custClr>
    <a:custClr name="50%">
      <a:srgbClr val="A2D2EE"/>
    </a:custClr>
    <a:custClr name="50%">
      <a:srgbClr val="FBBBB4"/>
    </a:custClr>
    <a:custClr name="50%">
      <a:srgbClr val="EBDDB9"/>
    </a:custClr>
    <a:custClr name="50%">
      <a:srgbClr val="F5F5BC"/>
    </a:custClr>
    <a:custClr name="Grodan">
      <a:srgbClr val="009933"/>
    </a:custClr>
    <a:custClr name="Grodan 101">
      <a:srgbClr val="2E1A46"/>
    </a:custClr>
    <a:custClr name="White">
      <a:srgbClr val="FFFFFF"/>
    </a:custClr>
    <a:custClr name="White">
      <a:srgbClr val="FFFFFF"/>
    </a:custClr>
    <a:custClr name="White">
      <a:srgbClr val="FFFFFF"/>
    </a:custClr>
    <a:custClr name="25%">
      <a:srgbClr val="C6EBE4"/>
    </a:custClr>
    <a:custClr name="25%">
      <a:srgbClr val="D0E9F7"/>
    </a:custClr>
    <a:custClr name="25%">
      <a:srgbClr val="FFDDD9"/>
    </a:custClr>
    <a:custClr name="25%">
      <a:srgbClr val="F5EEDC"/>
    </a:custClr>
    <a:custClr name="25%">
      <a:srgbClr val="FAFADE"/>
    </a:custClr>
  </a:custClrLst>
  <a:extLst>
    <a:ext uri="{05A4C25C-085E-4340-85A3-A5531E510DB2}">
      <thm15:themeFamily xmlns:thm15="http://schemas.microsoft.com/office/thememl/2012/main" name="ROCKWOOL 16-9 ENG 2024.potx" id="{5963B2F3-EF36-4541-A844-FBEF026A2F43}" vid="{16B7E2A1-E0F6-489B-8F34-9063A3CA6895}"/>
    </a:ext>
  </a:extLst>
</a:theme>
</file>

<file path=ppt/theme/theme2.xml><?xml version="1.0" encoding="utf-8"?>
<a:theme xmlns:a="http://schemas.openxmlformats.org/drawingml/2006/main" name="Office-tema">
  <a:themeElements>
    <a:clrScheme name="ROCKWOOL">
      <a:dk1>
        <a:sysClr val="windowText" lastClr="000000"/>
      </a:dk1>
      <a:lt1>
        <a:sysClr val="window" lastClr="FFFFFF"/>
      </a:lt1>
      <a:dk2>
        <a:srgbClr val="63666A"/>
      </a:dk2>
      <a:lt2>
        <a:srgbClr val="D8D9DA"/>
      </a:lt2>
      <a:accent1>
        <a:srgbClr val="D20014"/>
      </a:accent1>
      <a:accent2>
        <a:srgbClr val="63666A"/>
      </a:accent2>
      <a:accent3>
        <a:srgbClr val="B1B2B4"/>
      </a:accent3>
      <a:accent4>
        <a:srgbClr val="8C0F1E"/>
      </a:accent4>
      <a:accent5>
        <a:srgbClr val="D6B874"/>
      </a:accent5>
      <a:accent6>
        <a:srgbClr val="45A6DE"/>
      </a:accent6>
      <a:hlink>
        <a:srgbClr val="000000"/>
      </a:hlink>
      <a:folHlink>
        <a:srgbClr val="636669"/>
      </a:folHlink>
    </a:clrScheme>
    <a:fontScheme name="ROCKWOOL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Rockpanel">
      <a:srgbClr val="253355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Cedar Green">
      <a:srgbClr val="1AB092"/>
    </a:custClr>
    <a:custClr name="Ocean Blue">
      <a:srgbClr val="45A6DE"/>
    </a:custClr>
    <a:custClr name="Coral Red">
      <a:srgbClr val="FF7768"/>
    </a:custClr>
    <a:custClr name="Stone Beige">
      <a:srgbClr val="D6BB74"/>
    </a:custClr>
    <a:custClr name="Sun Yellow">
      <a:srgbClr val="EBEA79"/>
    </a:custClr>
    <a:custClr name="Rockfon">
      <a:srgbClr val="00638E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75%">
      <a:srgbClr val="54C4AD"/>
    </a:custClr>
    <a:custClr name="75%">
      <a:srgbClr val="73BCE6"/>
    </a:custClr>
    <a:custClr name="75%">
      <a:srgbClr val="FF9A8E"/>
    </a:custClr>
    <a:custClr name="75%">
      <a:srgbClr val="E0CC97"/>
    </a:custClr>
    <a:custClr name="75%">
      <a:srgbClr val="F0EF9B"/>
    </a:custClr>
    <a:custClr name="Lapinus">
      <a:srgbClr val="002D72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50%">
      <a:srgbClr val="8DD7C8"/>
    </a:custClr>
    <a:custClr name="50%">
      <a:srgbClr val="A2D2EE"/>
    </a:custClr>
    <a:custClr name="50%">
      <a:srgbClr val="FBBBB4"/>
    </a:custClr>
    <a:custClr name="50%">
      <a:srgbClr val="EBDDB9"/>
    </a:custClr>
    <a:custClr name="50%">
      <a:srgbClr val="F5F5BC"/>
    </a:custClr>
    <a:custClr name="Grodan">
      <a:srgbClr val="009933"/>
    </a:custClr>
    <a:custClr name="Grodan 101">
      <a:srgbClr val="2E1A46"/>
    </a:custClr>
    <a:custClr name="White">
      <a:srgbClr val="FFFFFF"/>
    </a:custClr>
    <a:custClr name="White">
      <a:srgbClr val="FFFFFF"/>
    </a:custClr>
    <a:custClr name="White">
      <a:srgbClr val="FFFFFF"/>
    </a:custClr>
    <a:custClr name="25%">
      <a:srgbClr val="C6EBE4"/>
    </a:custClr>
    <a:custClr name="25%">
      <a:srgbClr val="D0E9F7"/>
    </a:custClr>
    <a:custClr name="25%">
      <a:srgbClr val="FFDDD9"/>
    </a:custClr>
    <a:custClr name="25%">
      <a:srgbClr val="F5EEDC"/>
    </a:custClr>
    <a:custClr name="25%">
      <a:srgbClr val="FAFADE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ROCKWOOL">
      <a:dk1>
        <a:srgbClr val="000000"/>
      </a:dk1>
      <a:lt1>
        <a:srgbClr val="FFFFFF"/>
      </a:lt1>
      <a:dk2>
        <a:srgbClr val="63666A"/>
      </a:dk2>
      <a:lt2>
        <a:srgbClr val="D8D9DA"/>
      </a:lt2>
      <a:accent1>
        <a:srgbClr val="D20014"/>
      </a:accent1>
      <a:accent2>
        <a:srgbClr val="63666A"/>
      </a:accent2>
      <a:accent3>
        <a:srgbClr val="8A8C8F"/>
      </a:accent3>
      <a:accent4>
        <a:srgbClr val="B1B2B4"/>
      </a:accent4>
      <a:accent5>
        <a:srgbClr val="D8D9DA"/>
      </a:accent5>
      <a:accent6>
        <a:srgbClr val="0097A9"/>
      </a:accent6>
      <a:hlink>
        <a:srgbClr val="000000"/>
      </a:hlink>
      <a:folHlink>
        <a:srgbClr val="636669"/>
      </a:folHlink>
    </a:clrScheme>
    <a:fontScheme name="ROCKWOOL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Rockpanel">
      <a:srgbClr val="253355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Cedar Green">
      <a:srgbClr val="1AB092"/>
    </a:custClr>
    <a:custClr name="Ocean Blue">
      <a:srgbClr val="45A6DE"/>
    </a:custClr>
    <a:custClr name="Coral Red">
      <a:srgbClr val="FF7768"/>
    </a:custClr>
    <a:custClr name="Stone Beige">
      <a:srgbClr val="D6BB74"/>
    </a:custClr>
    <a:custClr name="Sun Yellow">
      <a:srgbClr val="EBEA79"/>
    </a:custClr>
    <a:custClr name="Rockfon">
      <a:srgbClr val="00638E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75%">
      <a:srgbClr val="54C4AD"/>
    </a:custClr>
    <a:custClr name="75%">
      <a:srgbClr val="73BCE6"/>
    </a:custClr>
    <a:custClr name="75%">
      <a:srgbClr val="FF9A8E"/>
    </a:custClr>
    <a:custClr name="75%">
      <a:srgbClr val="E0CC97"/>
    </a:custClr>
    <a:custClr name="75%">
      <a:srgbClr val="F0EF9B"/>
    </a:custClr>
    <a:custClr name="Lapinus">
      <a:srgbClr val="002D72"/>
    </a:custClr>
    <a:custClr name="White">
      <a:srgbClr val="FFFFFF"/>
    </a:custClr>
    <a:custClr name="White">
      <a:srgbClr val="FFFFFF"/>
    </a:custClr>
    <a:custClr name="White">
      <a:srgbClr val="FFFFFF"/>
    </a:custClr>
    <a:custClr name="White">
      <a:srgbClr val="FFFFFF"/>
    </a:custClr>
    <a:custClr name="50%">
      <a:srgbClr val="8DD7C8"/>
    </a:custClr>
    <a:custClr name="50%">
      <a:srgbClr val="A2D2EE"/>
    </a:custClr>
    <a:custClr name="50%">
      <a:srgbClr val="FBBBB4"/>
    </a:custClr>
    <a:custClr name="50%">
      <a:srgbClr val="EBDDB9"/>
    </a:custClr>
    <a:custClr name="50%">
      <a:srgbClr val="F5F5BC"/>
    </a:custClr>
    <a:custClr name="Grodan">
      <a:srgbClr val="009933"/>
    </a:custClr>
    <a:custClr name="Grodan 101">
      <a:srgbClr val="2E1A46"/>
    </a:custClr>
    <a:custClr name="White">
      <a:srgbClr val="FFFFFF"/>
    </a:custClr>
    <a:custClr name="White">
      <a:srgbClr val="FFFFFF"/>
    </a:custClr>
    <a:custClr name="White">
      <a:srgbClr val="FFFFFF"/>
    </a:custClr>
    <a:custClr name="25%">
      <a:srgbClr val="C6EBE4"/>
    </a:custClr>
    <a:custClr name="25%">
      <a:srgbClr val="D0E9F7"/>
    </a:custClr>
    <a:custClr name="25%">
      <a:srgbClr val="FFDDD9"/>
    </a:custClr>
    <a:custClr name="25%">
      <a:srgbClr val="F5EEDC"/>
    </a:custClr>
    <a:custClr name="25%">
      <a:srgbClr val="FAFADE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3BA515A7BAE2A43BBCEEFC8DB246324" ma:contentTypeVersion="16" ma:contentTypeDescription="Create a new document." ma:contentTypeScope="" ma:versionID="5a6d821fafa8c1b6c498b45dd56d542c">
  <xsd:schema xmlns:xsd="http://www.w3.org/2001/XMLSchema" xmlns:xs="http://www.w3.org/2001/XMLSchema" xmlns:p="http://schemas.microsoft.com/office/2006/metadata/properties" xmlns:ns2="57fe772f-00cf-4dad-b0cb-913608da9119" xmlns:ns3="c5f555a3-b848-4bea-9c8d-34a4da0e4343" targetNamespace="http://schemas.microsoft.com/office/2006/metadata/properties" ma:root="true" ma:fieldsID="cb514c0243f67ba30e30db0d5605bea9" ns2:_="" ns3:_="">
    <xsd:import namespace="57fe772f-00cf-4dad-b0cb-913608da9119"/>
    <xsd:import namespace="c5f555a3-b848-4bea-9c8d-34a4da0e434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7fe772f-00cf-4dad-b0cb-913608da911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3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2e864938-2603-473d-8bcd-f12a868843d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5f555a3-b848-4bea-9c8d-34a4da0e4343" elementFormDefault="qualified">
    <xsd:import namespace="http://schemas.microsoft.com/office/2006/documentManagement/types"/>
    <xsd:import namespace="http://schemas.microsoft.com/office/infopath/2007/PartnerControls"/>
    <xsd:element name="TaxCatchAll" ma:index="16" nillable="true" ma:displayName="Taxonomy Catch All Column" ma:hidden="true" ma:list="{8afdac5b-07eb-4f5e-9c79-778fcf53685d}" ma:internalName="TaxCatchAll" ma:showField="CatchAllData" ma:web="c5f555a3-b848-4bea-9c8d-34a4da0e434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5f555a3-b848-4bea-9c8d-34a4da0e4343" xsi:nil="true"/>
    <lcf76f155ced4ddcb4097134ff3c332f xmlns="57fe772f-00cf-4dad-b0cb-913608da9119">
      <Terms xmlns="http://schemas.microsoft.com/office/infopath/2007/PartnerControls"/>
    </lcf76f155ced4ddcb4097134ff3c332f>
  </documentManagement>
</p:properties>
</file>

<file path=customXml/item5.xml><?xml version="1.0" encoding="utf-8"?>
<TemplafyTemplateConfiguration><![CDATA[{"elementsMetadata":[],"transformationConfigurations":[],"templateName":"Title and Content, no notes - blank for PowerPoint","templateDescription":"","enableDocumentContentUpdater":false,"version":"2.0"}]]></TemplafyTemplateConfiguration>
</file>

<file path=customXml/item6.xml><?xml version="1.0" encoding="utf-8"?>
<TemplafySlideTemplateConfiguration><![CDATA[{"slideVersion":1,"isValidatorEnabled":false,"isLocked":false,"elementsMetadata":[],"slideId":"638411697308928908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5ED6FB9-C1FF-4D60-8E29-2C1BAAB8EA99}">
  <ds:schemaRefs/>
</ds:datastoreItem>
</file>

<file path=customXml/itemProps2.xml><?xml version="1.0" encoding="utf-8"?>
<ds:datastoreItem xmlns:ds="http://schemas.openxmlformats.org/officeDocument/2006/customXml" ds:itemID="{7BC6EB02-3823-4ED1-80AE-C28ECA73D571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025DD346-292B-492C-9DFC-C68529C5F4A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7fe772f-00cf-4dad-b0cb-913608da9119"/>
    <ds:schemaRef ds:uri="c5f555a3-b848-4bea-9c8d-34a4da0e434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904550BB-113A-4F72-854A-D0E60210278A}">
  <ds:schemaRefs>
    <ds:schemaRef ds:uri="http://schemas.microsoft.com/office/infopath/2007/PartnerControls"/>
    <ds:schemaRef ds:uri="http://purl.org/dc/terms/"/>
    <ds:schemaRef ds:uri="http://schemas.openxmlformats.org/package/2006/metadata/core-properties"/>
    <ds:schemaRef ds:uri="http://purl.org/dc/dcmitype/"/>
    <ds:schemaRef ds:uri="http://purl.org/dc/elements/1.1/"/>
    <ds:schemaRef ds:uri="acfb909c-5884-4739-9818-9597dcf907f5"/>
    <ds:schemaRef ds:uri="b02b6c5c-9b2c-497a-8e77-f4e3059c6b62"/>
    <ds:schemaRef ds:uri="http://schemas.microsoft.com/office/2006/documentManagement/types"/>
    <ds:schemaRef ds:uri="http://schemas.microsoft.com/office/2006/metadata/properties"/>
    <ds:schemaRef ds:uri="94385766-3875-43fb-a25e-cdc4c43a7bf7"/>
    <ds:schemaRef ds:uri="http://www.w3.org/XML/1998/namespace"/>
    <ds:schemaRef ds:uri="c5f555a3-b848-4bea-9c8d-34a4da0e4343"/>
    <ds:schemaRef ds:uri="57fe772f-00cf-4dad-b0cb-913608da9119"/>
  </ds:schemaRefs>
</ds:datastoreItem>
</file>

<file path=customXml/itemProps5.xml><?xml version="1.0" encoding="utf-8"?>
<ds:datastoreItem xmlns:ds="http://schemas.openxmlformats.org/officeDocument/2006/customXml" ds:itemID="{2CDED16F-D9FE-4722-8642-4E9B9A88AB13}">
  <ds:schemaRefs/>
</ds:datastoreItem>
</file>

<file path=customXml/itemProps6.xml><?xml version="1.0" encoding="utf-8"?>
<ds:datastoreItem xmlns:ds="http://schemas.openxmlformats.org/officeDocument/2006/customXml" ds:itemID="{E0ED62BD-8ADF-4D54-9C1B-6589BC42C9FB}">
  <ds:schemaRefs/>
</ds:datastoreItem>
</file>

<file path=customXml/itemProps7.xml><?xml version="1.0" encoding="utf-8"?>
<ds:datastoreItem xmlns:ds="http://schemas.openxmlformats.org/officeDocument/2006/customXml" ds:itemID="{C345BE5C-F8A4-4CEB-BD28-7F7E0F76D5F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OCKWOOL 16-9 ENG 2024</Template>
  <TotalTime>0</TotalTime>
  <Words>177</Words>
  <Application>Microsoft Office PowerPoint</Application>
  <PresentationFormat>Breitbild</PresentationFormat>
  <Paragraphs>34</Paragraphs>
  <Slides>5</Slides>
  <Notes>0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4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5</vt:i4>
      </vt:variant>
    </vt:vector>
  </HeadingPairs>
  <TitlesOfParts>
    <vt:vector size="10" baseType="lpstr">
      <vt:lpstr>Arial</vt:lpstr>
      <vt:lpstr>Avenir Next LT Pro</vt:lpstr>
      <vt:lpstr>Webdings</vt:lpstr>
      <vt:lpstr>Wingdings</vt:lpstr>
      <vt:lpstr>ROCKWOOL© PowerPoint template</vt:lpstr>
      <vt:lpstr>Mirella Vitale SVP, Marketing Communications, and Public Affairs</vt:lpstr>
      <vt:lpstr>The efficiency dividend</vt:lpstr>
      <vt:lpstr>Energy efficiency:  Europe’s first fuel for competitiveness</vt:lpstr>
      <vt:lpstr>Turning ambition into investment</vt:lpstr>
      <vt:lpstr> CONFIDENCE TO INVEST  Policy clarity and predictability drive investment, jobs, and competitiveness. 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over A</dc:title>
  <dc:creator>Maria Toft Clausen</dc:creator>
  <cp:lastModifiedBy>Jan Geiss</cp:lastModifiedBy>
  <cp:revision>11</cp:revision>
  <cp:lastPrinted>2025-10-17T06:11:45Z</cp:lastPrinted>
  <dcterms:created xsi:type="dcterms:W3CDTF">2024-09-19T08:00:39Z</dcterms:created>
  <dcterms:modified xsi:type="dcterms:W3CDTF">2025-10-18T10:35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omnidocs.com</vt:lpwstr>
  </property>
  <property fmtid="{D5CDD505-2E9C-101B-9397-08002B2CF9AE}" pid="3" name="ContentTypeId">
    <vt:lpwstr>0x01010063BA515A7BAE2A43BBCEEFC8DB246324</vt:lpwstr>
  </property>
  <property fmtid="{D5CDD505-2E9C-101B-9397-08002B2CF9AE}" pid="4" name="TemplafyTimeStamp">
    <vt:lpwstr>2024-01-24T14:59:06</vt:lpwstr>
  </property>
  <property fmtid="{D5CDD505-2E9C-101B-9397-08002B2CF9AE}" pid="5" name="TemplafyTenantId">
    <vt:lpwstr>rockwool</vt:lpwstr>
  </property>
  <property fmtid="{D5CDD505-2E9C-101B-9397-08002B2CF9AE}" pid="6" name="TemplafyTemplateId">
    <vt:lpwstr>830209826276770067</vt:lpwstr>
  </property>
  <property fmtid="{D5CDD505-2E9C-101B-9397-08002B2CF9AE}" pid="7" name="TemplafyUserProfileId">
    <vt:lpwstr>637824964162887448</vt:lpwstr>
  </property>
  <property fmtid="{D5CDD505-2E9C-101B-9397-08002B2CF9AE}" pid="8" name="TemplafyFromBlank">
    <vt:bool>true</vt:bool>
  </property>
  <property fmtid="{D5CDD505-2E9C-101B-9397-08002B2CF9AE}" pid="9" name="MediaServiceImageTags">
    <vt:lpwstr/>
  </property>
</Properties>
</file>